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1042</definedName>
    <definedName name="_xlnm.Print_Area" localSheetId="0">公表用!$A$1:$I$1042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55" uniqueCount="2493">
  <si>
    <t>年度</t>
    <rPh sb="0" eb="2">
      <t>ネンド</t>
    </rPh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警察本部</t>
  </si>
  <si>
    <t>警察本部会計課</t>
  </si>
  <si>
    <t>325019</t>
  </si>
  <si>
    <t>ＩＣカード免許証作成機用消耗品の購入について</t>
  </si>
  <si>
    <t>東芝自動機器システムサービス（株）　第一事業部長　生野　忠</t>
  </si>
  <si>
    <t>4020001076934</t>
  </si>
  <si>
    <t>331509</t>
  </si>
  <si>
    <t>トイレットペーパー（６５ｍ）ほかの購入について</t>
  </si>
  <si>
    <t>日生商工（株）　代表取締役　小見山　泰幸</t>
  </si>
  <si>
    <t>8020001000337</t>
  </si>
  <si>
    <t>331752</t>
  </si>
  <si>
    <t>ゴム手袋ほかの購入</t>
  </si>
  <si>
    <t>（株）いわしや西方医科器械　代表取締役　西方　雅志</t>
  </si>
  <si>
    <t>8021001038219</t>
  </si>
  <si>
    <t>359038</t>
  </si>
  <si>
    <t>色上質紙の購入について</t>
  </si>
  <si>
    <t>（株）マルハチ　代表取締役　八木　幹雄</t>
  </si>
  <si>
    <t>4020001018845</t>
  </si>
  <si>
    <t>365133</t>
  </si>
  <si>
    <t>アルミラダーレールほかの購入について</t>
  </si>
  <si>
    <t>ラフ＆ロード横浜店　店長　高山　征二</t>
  </si>
  <si>
    <t>4020001032326</t>
  </si>
  <si>
    <t>364289</t>
  </si>
  <si>
    <t>白輪菊ほかの購入について</t>
  </si>
  <si>
    <t>フラワーショップ花ふじ　代表者　佐藤　成浩</t>
  </si>
  <si>
    <t/>
  </si>
  <si>
    <t>370796</t>
  </si>
  <si>
    <t>印刷用再生紙の購入について</t>
  </si>
  <si>
    <t>（株）横浜コンピューターサプライ　代表取締役　池田　広</t>
  </si>
  <si>
    <t>7020001013975</t>
  </si>
  <si>
    <t>376126</t>
  </si>
  <si>
    <t>両そで机ほかの購入</t>
  </si>
  <si>
    <t>日欧事務機（株）本社　営業部長　小林　治</t>
  </si>
  <si>
    <t>5021001001666</t>
  </si>
  <si>
    <t>382050</t>
  </si>
  <si>
    <t>高速道路交通警察隊　新聞の購入</t>
  </si>
  <si>
    <t>読売センター溝の口西部　所長　橋本　孝也</t>
  </si>
  <si>
    <t>372908</t>
  </si>
  <si>
    <t>ロープほかの購入について</t>
  </si>
  <si>
    <t>（株）オペレーション・トレーニング・サービス　代表取締役　畠山　富士男</t>
  </si>
  <si>
    <t>9011601013273</t>
  </si>
  <si>
    <t>372955</t>
  </si>
  <si>
    <t>止血包帯ほかの購入について</t>
  </si>
  <si>
    <t>373243</t>
  </si>
  <si>
    <t>楯の購入について</t>
  </si>
  <si>
    <t>松本徽章（株）　代表取締役　松本　光政</t>
  </si>
  <si>
    <t>9020001028947</t>
  </si>
  <si>
    <t>376294</t>
  </si>
  <si>
    <t>トナーカートリッジほかの購入について</t>
  </si>
  <si>
    <t>（株）ワイソリューション　代表取締役　髙橋　伸一</t>
  </si>
  <si>
    <t>5020001045673</t>
  </si>
  <si>
    <t>382115</t>
  </si>
  <si>
    <t>トナーカートリッジほかの購入</t>
  </si>
  <si>
    <t>（有）伊勢万　代表取締役　鈴木　伸好</t>
  </si>
  <si>
    <t>2021002050979</t>
  </si>
  <si>
    <t>378411</t>
  </si>
  <si>
    <t>警察犬メダルの購入</t>
  </si>
  <si>
    <t>378457</t>
  </si>
  <si>
    <t>冷蔵庫ほかの購入について</t>
  </si>
  <si>
    <t>ユーシン（株）　代表取締役　寺村　一仁</t>
  </si>
  <si>
    <t>9020001005698</t>
  </si>
  <si>
    <t>378955</t>
  </si>
  <si>
    <t>コピー用紙の購入について</t>
  </si>
  <si>
    <t>アルマーク（株）　代表取締役　酒井　一宏</t>
  </si>
  <si>
    <t>4020001076380</t>
  </si>
  <si>
    <t>379762</t>
  </si>
  <si>
    <t>盛花の購入について</t>
  </si>
  <si>
    <t>清水花店　代表　清水　秀隆</t>
  </si>
  <si>
    <t>380029</t>
  </si>
  <si>
    <t>381219</t>
  </si>
  <si>
    <t>高純度ヘリウムガスほかの購入</t>
  </si>
  <si>
    <t>（株）渡商会　代表取締役　河西　健二</t>
  </si>
  <si>
    <t>2020001024960</t>
  </si>
  <si>
    <t>381246</t>
  </si>
  <si>
    <t>アセトニトリルほかの購入について</t>
  </si>
  <si>
    <t>長谷川商事（株）　代表取締役　長谷川　欽哉</t>
  </si>
  <si>
    <t>7020001013595</t>
  </si>
  <si>
    <t>391287</t>
  </si>
  <si>
    <t>災害査定総合単価の購入</t>
  </si>
  <si>
    <t>（一財）　日本建設情報総合センター　理事長　深澤　淳志</t>
  </si>
  <si>
    <t>4010405010556</t>
  </si>
  <si>
    <t>382611</t>
  </si>
  <si>
    <t>信号炎管の購入について(伺い)</t>
  </si>
  <si>
    <t>日本カーリット（株）　営業本部化薬部長　小川　文生</t>
  </si>
  <si>
    <t>7010001033000</t>
  </si>
  <si>
    <t>385758</t>
  </si>
  <si>
    <t>383997</t>
  </si>
  <si>
    <t>腕章の購入について</t>
  </si>
  <si>
    <t>（株）金原　代表取締役　金原　正和</t>
  </si>
  <si>
    <t>1020001009756</t>
  </si>
  <si>
    <t>385128</t>
  </si>
  <si>
    <t>インクの購入</t>
  </si>
  <si>
    <t>デュプロ（株）横浜支店　支店長　清水　匡幸</t>
  </si>
  <si>
    <t>6013301013580</t>
  </si>
  <si>
    <t>386253</t>
  </si>
  <si>
    <t>ワークテーブルほかの購入</t>
  </si>
  <si>
    <t>（株）ねずらむ　代表取締役　阿久津　晄</t>
  </si>
  <si>
    <t>7020001024114</t>
  </si>
  <si>
    <t>387235</t>
  </si>
  <si>
    <t>花瓶さし花の購入について</t>
  </si>
  <si>
    <t>花松　代表　横山　慶子</t>
  </si>
  <si>
    <t>393587</t>
  </si>
  <si>
    <t>複写機用再生紙の購入について</t>
  </si>
  <si>
    <t>桔梗屋紙商事（株）　代表取締役　早瀬　照洋</t>
  </si>
  <si>
    <t>5020001128924</t>
  </si>
  <si>
    <t>395597</t>
  </si>
  <si>
    <t>警察功績章ほかの購入について</t>
  </si>
  <si>
    <t>397789</t>
  </si>
  <si>
    <t>住宅地図の購入について</t>
  </si>
  <si>
    <t>（株）有隣堂　代表取締役　松信　裕</t>
  </si>
  <si>
    <t>2020001029308</t>
  </si>
  <si>
    <t>398060</t>
  </si>
  <si>
    <t>二重コーンバー設置アダプター（試作品）ほかの購入について</t>
  </si>
  <si>
    <t>（株）ジェイウィン　代表取締役　後藤　勝</t>
  </si>
  <si>
    <t>1010501032556</t>
  </si>
  <si>
    <t>367790</t>
  </si>
  <si>
    <t>盛花の購入</t>
  </si>
  <si>
    <t>フルール　アン　クレール　代表　池田　護</t>
  </si>
  <si>
    <t>395104</t>
  </si>
  <si>
    <t>足跡シートの購入</t>
  </si>
  <si>
    <t>（株）エクシール　代表取締役　大野　幸栄</t>
  </si>
  <si>
    <t>1200001018978</t>
  </si>
  <si>
    <t>395132</t>
  </si>
  <si>
    <t>印画紙ほかの購入について</t>
  </si>
  <si>
    <t>（有）カメラはスズキ　代表取締役　鈴木　富士男</t>
  </si>
  <si>
    <t>9020002026132</t>
  </si>
  <si>
    <t>395224</t>
  </si>
  <si>
    <t>運転免許更新時講習等に使用する教本の購入</t>
  </si>
  <si>
    <t>（一財）全日本交通安全協会　専務理事　大山　憲司</t>
  </si>
  <si>
    <t>9010005002924</t>
  </si>
  <si>
    <t>399376</t>
  </si>
  <si>
    <t>雑誌の購入について（11月分）</t>
  </si>
  <si>
    <t>400427</t>
  </si>
  <si>
    <t>警察車両用収納バック（試作品）の購入について</t>
  </si>
  <si>
    <t>（株）武田商店　代表取締役　武田　昌雄</t>
  </si>
  <si>
    <t>2011001013590</t>
  </si>
  <si>
    <t>393557</t>
  </si>
  <si>
    <t>車椅子用タイヤ＋チューブセットほかの購入について</t>
  </si>
  <si>
    <t>401255</t>
  </si>
  <si>
    <t>印刷インキの購入について</t>
  </si>
  <si>
    <t>（株）アイコー　代表取締役　湖山　和英</t>
  </si>
  <si>
    <t>7021001019252</t>
  </si>
  <si>
    <t>402694</t>
  </si>
  <si>
    <t>ワンタッチボックスロックの購入について</t>
  </si>
  <si>
    <t>（株）興和機工　代表取締役　小林　泰巳</t>
  </si>
  <si>
    <t>5020001023027</t>
  </si>
  <si>
    <t>403834</t>
  </si>
  <si>
    <t>指紋用転写シートの購入</t>
  </si>
  <si>
    <t>（株）ピー・エス・インダストリー　代表取締役　清水　康明</t>
  </si>
  <si>
    <t>6010901009942</t>
  </si>
  <si>
    <t>405164</t>
  </si>
  <si>
    <t>自動水栓用電源アダプターほかの購入</t>
  </si>
  <si>
    <t>（株）芥川商店　代表取締役　芥川　光正</t>
  </si>
  <si>
    <t>4020001022203</t>
  </si>
  <si>
    <t>410789</t>
  </si>
  <si>
    <t>ポスターの購入について</t>
  </si>
  <si>
    <t>（有）自然社　代表取締役　下田　健次</t>
  </si>
  <si>
    <t>4430002009356</t>
  </si>
  <si>
    <t>415623</t>
  </si>
  <si>
    <t>416331</t>
  </si>
  <si>
    <t>カラーコーン用看板の購入</t>
  </si>
  <si>
    <t>（有）創貴　代表取締役　下川　清澄</t>
  </si>
  <si>
    <t>1020002012148</t>
  </si>
  <si>
    <t>409235</t>
  </si>
  <si>
    <t>偽造防止用紙の購入</t>
  </si>
  <si>
    <t>エビナ文具　代表　川田　豊華</t>
  </si>
  <si>
    <t>410648</t>
  </si>
  <si>
    <t>保管場所標章印字機用インクリボンの購入について</t>
  </si>
  <si>
    <t>東芝テックソリューションサービス（株）神奈川支店　支店長　楳村　博史</t>
  </si>
  <si>
    <t>8010601025453</t>
  </si>
  <si>
    <t>410759</t>
  </si>
  <si>
    <t>雨衣ほかの購入について</t>
  </si>
  <si>
    <t>413261</t>
  </si>
  <si>
    <t>複合機の購入</t>
  </si>
  <si>
    <t>上新電機（株）　法人営業部　東京法人営業所　所長　西村　文隆</t>
  </si>
  <si>
    <t>9120001038564</t>
  </si>
  <si>
    <t>415931</t>
  </si>
  <si>
    <t>マグネットシートの購入について</t>
  </si>
  <si>
    <t>（株）看板市場　代表取締役　堀田　久史</t>
  </si>
  <si>
    <t>4020001055525</t>
  </si>
  <si>
    <t>416408</t>
  </si>
  <si>
    <t>リチウム電池の購入について</t>
  </si>
  <si>
    <t>新光電業（株）　代表取締役　田中　信一</t>
  </si>
  <si>
    <t>8021001022560</t>
  </si>
  <si>
    <t>418562</t>
  </si>
  <si>
    <t>消耗品（ハードディスクレコーダーほか）購入代（９月分）</t>
  </si>
  <si>
    <t>（株）レッツ・コーポレーション　代表取締役　後藤　公</t>
  </si>
  <si>
    <t>9180001041942</t>
  </si>
  <si>
    <t>419030</t>
  </si>
  <si>
    <t>ゴム印の購入について</t>
  </si>
  <si>
    <t>（有）松井印店　取締役　松井　清志</t>
  </si>
  <si>
    <t>4020002031483</t>
  </si>
  <si>
    <t>422754</t>
  </si>
  <si>
    <t>蛍光灯ほかの購入</t>
  </si>
  <si>
    <t>アリス電機（株）　代表取締役　大倉　弘之</t>
  </si>
  <si>
    <t>2020001012453</t>
  </si>
  <si>
    <t>427011</t>
  </si>
  <si>
    <t>消耗品（蛍光灯ほか）購入代</t>
  </si>
  <si>
    <t>（株）ヤマダ電機　横浜泉営業所　所長　佐久間　隆之</t>
  </si>
  <si>
    <t>4070001011201</t>
  </si>
  <si>
    <t>429389</t>
  </si>
  <si>
    <t>消耗品（グリッパーほか）購入代</t>
  </si>
  <si>
    <t>リョービＭＨＩグラフィックテクノロジー（株）営業本部東日本支社　支社長　服部　浩也</t>
  </si>
  <si>
    <t>7240001044536</t>
  </si>
  <si>
    <t>432590</t>
  </si>
  <si>
    <t>消耗品（モップほか）購入代</t>
  </si>
  <si>
    <t>（株）川野商店　代表取締役　川野　正久</t>
  </si>
  <si>
    <t>6020001069069</t>
  </si>
  <si>
    <t>438755</t>
  </si>
  <si>
    <t>国旗購入代</t>
  </si>
  <si>
    <t>（株）根岸の旗や　代表取締役　本井　哲夫</t>
  </si>
  <si>
    <t>5020001028257</t>
  </si>
  <si>
    <t>441622</t>
  </si>
  <si>
    <t>防犯フィルム購入代</t>
  </si>
  <si>
    <t>442635</t>
  </si>
  <si>
    <t>消耗品（インクジェットプリンターほか）購入代</t>
  </si>
  <si>
    <t>（株）ボーテックス　代表取締役　西舘　秀明</t>
  </si>
  <si>
    <t>4020001015966</t>
  </si>
  <si>
    <t>441593</t>
  </si>
  <si>
    <t>（株）ヤマダ電機横浜本店営業所　所長　古屋　茂</t>
  </si>
  <si>
    <t>447850</t>
  </si>
  <si>
    <t>消耗品（照明）購入代</t>
  </si>
  <si>
    <t>（株）コジマ　Ｋ×Ｂ横浜大口店　店長　金子　太郎</t>
  </si>
  <si>
    <t>2060001001667</t>
  </si>
  <si>
    <t>447966</t>
  </si>
  <si>
    <t>消耗品（丸材ほか）購入代</t>
  </si>
  <si>
    <t>（株）セントラル楽器　代表取締役　武内　千恵</t>
  </si>
  <si>
    <t>8020001023503</t>
  </si>
  <si>
    <t>448424</t>
  </si>
  <si>
    <t>消耗品（記念品）購入代</t>
  </si>
  <si>
    <t>（有）有富商会　代表取締役　有富　祥司</t>
  </si>
  <si>
    <t>3011402000658</t>
  </si>
  <si>
    <t>448764</t>
  </si>
  <si>
    <t>消耗品（裸圧着端子ほか）購入代</t>
  </si>
  <si>
    <t>（有）新生工具店　代表取締役　林　芳彦</t>
  </si>
  <si>
    <t>3020002097419</t>
  </si>
  <si>
    <t>448776</t>
  </si>
  <si>
    <t>消耗品（ＬＥＤヘッドライトほか）購入代</t>
  </si>
  <si>
    <t>448883</t>
  </si>
  <si>
    <t>消耗品（夏活動服上衣（試作品）ほか）購入代等</t>
  </si>
  <si>
    <t>448896</t>
  </si>
  <si>
    <t>消耗品（組立帽子用脱着布（試作品））購入代</t>
  </si>
  <si>
    <t>甲（株）　代表取締役　仁禮　恭一</t>
  </si>
  <si>
    <t>2010001013865</t>
  </si>
  <si>
    <t>448943</t>
  </si>
  <si>
    <t>消耗品（布テープほか）購入代</t>
  </si>
  <si>
    <t>（株）山村商店　代表取締役　山村　裕治</t>
  </si>
  <si>
    <t>2020001032311</t>
  </si>
  <si>
    <t>450281</t>
  </si>
  <si>
    <t>消耗品（自動車ガイドブック）購入代</t>
  </si>
  <si>
    <t>450777</t>
  </si>
  <si>
    <t>消耗品（指揮杖）購入代</t>
  </si>
  <si>
    <t>（株）横浜日本屋楽器　代表取締役　小川　浩司</t>
  </si>
  <si>
    <t>1020001024854</t>
  </si>
  <si>
    <t>451558</t>
  </si>
  <si>
    <t>消耗品（トイレットペーパー）購入代</t>
  </si>
  <si>
    <t>ニッパ（株）　代表取締役　秋本　りつ子</t>
  </si>
  <si>
    <t>2020001021339</t>
  </si>
  <si>
    <t>447517</t>
  </si>
  <si>
    <t>消耗品（トナーカートリッジほか）購入代（10月分）</t>
  </si>
  <si>
    <t>454732</t>
  </si>
  <si>
    <t>消耗品（磁気カード）購入代</t>
  </si>
  <si>
    <t>日信防災（株）　取締役社長　矢口　孝仁</t>
  </si>
  <si>
    <t>1010001025449</t>
  </si>
  <si>
    <t>454776</t>
  </si>
  <si>
    <t>消耗品（鍵）購入代</t>
  </si>
  <si>
    <t>（有）カギの横浜ロックサービス　代表取締役　横山　篤朗</t>
  </si>
  <si>
    <t>9020002066302</t>
  </si>
  <si>
    <t>455091</t>
  </si>
  <si>
    <t>消耗品（マルチコピーペーパーほか）購入代</t>
  </si>
  <si>
    <t>455896</t>
  </si>
  <si>
    <t>消耗品（上履き）購入代</t>
  </si>
  <si>
    <t>（株）金港スポーツ　代表取締役　黒澤　洋介</t>
  </si>
  <si>
    <t>4020001026096</t>
  </si>
  <si>
    <t>455990</t>
  </si>
  <si>
    <t>消耗品（伸縮式パイプ柵（試作品））購入代</t>
  </si>
  <si>
    <t>ノーベル工業（株）　代表取締役　志賀　康弘</t>
  </si>
  <si>
    <t>3010701007950</t>
  </si>
  <si>
    <t>455174</t>
  </si>
  <si>
    <t>消耗品（冷蔵庫ほか）購入代（10月分）</t>
  </si>
  <si>
    <t>456002</t>
  </si>
  <si>
    <t>消耗品（印刷用再生紙）購入代（10月分）</t>
  </si>
  <si>
    <t>457543</t>
  </si>
  <si>
    <t>消耗品（高純度ヘリウムガスほか）購入代（10月分）</t>
  </si>
  <si>
    <t>460850</t>
  </si>
  <si>
    <t>図書（年末調整のしかた）購入代</t>
  </si>
  <si>
    <t>（株）横浜日経社　代表取締役　浅野　容三</t>
  </si>
  <si>
    <t>3020001029587</t>
  </si>
  <si>
    <t>461189</t>
  </si>
  <si>
    <t>消耗品（盛花）購入代</t>
  </si>
  <si>
    <t>462756</t>
  </si>
  <si>
    <t>消耗品（片そで机）購入代</t>
  </si>
  <si>
    <t>459846</t>
  </si>
  <si>
    <t>消耗品（ゴム印）購入代</t>
  </si>
  <si>
    <t>463654</t>
  </si>
  <si>
    <t>消耗品（石油ストーブ）購入代</t>
  </si>
  <si>
    <t>（株）大石商店　代表取締役　大石　憲子</t>
  </si>
  <si>
    <t>4021003000064</t>
  </si>
  <si>
    <t>464426</t>
  </si>
  <si>
    <t>消耗品（複写機用紙）購入代（10月分）</t>
  </si>
  <si>
    <t>464514</t>
  </si>
  <si>
    <t>消耗品（識別番号標）購入代</t>
  </si>
  <si>
    <t>462016</t>
  </si>
  <si>
    <t>消耗品（アセトニトリルほか）購入代（10月分）</t>
  </si>
  <si>
    <t>466167</t>
  </si>
  <si>
    <t>消耗品（コピー用紙）購入代（10月分）</t>
  </si>
  <si>
    <t>466585</t>
  </si>
  <si>
    <t>消耗品（雑誌）購入代（12月分）</t>
  </si>
  <si>
    <t>476598</t>
  </si>
  <si>
    <t>消耗品（トナーカートリッジほか）購入代（９月分）</t>
  </si>
  <si>
    <t>455316</t>
  </si>
  <si>
    <t>消耗品（バックパネル）購入代</t>
  </si>
  <si>
    <t>サンエス技研（株）　代表取締役　山下　直樹</t>
  </si>
  <si>
    <t>6011001008645</t>
  </si>
  <si>
    <t>468427</t>
  </si>
  <si>
    <t>消耗品（上質紙）購入代</t>
  </si>
  <si>
    <t>横浜紙業（株）　代表取締役　近藤　健一</t>
  </si>
  <si>
    <t>6020001029510</t>
  </si>
  <si>
    <t>473574</t>
  </si>
  <si>
    <t>消耗品（台車）購入代</t>
  </si>
  <si>
    <t>（有）ヤマキ文具店　代表取締役　八巻　健司</t>
  </si>
  <si>
    <t>7020002052519</t>
  </si>
  <si>
    <t>474219</t>
  </si>
  <si>
    <t>消耗品（図書）購入代</t>
  </si>
  <si>
    <t>（株）トシダ　代表取締役　土志田　仁</t>
  </si>
  <si>
    <t>5020001015536</t>
  </si>
  <si>
    <t>474572</t>
  </si>
  <si>
    <t>消耗品（ＤⅤＤプレーヤー）購入代</t>
  </si>
  <si>
    <t>（株）ヤマダ電機横浜新山下営業所　所長　栗原　直規</t>
  </si>
  <si>
    <t>479179</t>
  </si>
  <si>
    <t>消耗品（排水管洗浄剤）購入代</t>
  </si>
  <si>
    <t>480029</t>
  </si>
  <si>
    <t>消耗品（外部電池ほか）購入代</t>
  </si>
  <si>
    <t>リコージャパン（株）神奈川支社　公共文教営業部　部長　若命　浩一</t>
  </si>
  <si>
    <t>1010001110829</t>
  </si>
  <si>
    <t>479080</t>
  </si>
  <si>
    <t>消耗品（ＤＶＤ－ＲＡＭ）購入代</t>
  </si>
  <si>
    <t>479701</t>
  </si>
  <si>
    <t>消耗品（書籍）購入代</t>
  </si>
  <si>
    <t>（株）弘集堂本店　代表取締役　天野　潔</t>
  </si>
  <si>
    <t>1020001026388</t>
  </si>
  <si>
    <t>480717</t>
  </si>
  <si>
    <t>消耗品（サンダル）購入代</t>
  </si>
  <si>
    <t>（株）穂高商事　代表取締役　佐野　宏</t>
  </si>
  <si>
    <t>6020001015980</t>
  </si>
  <si>
    <t>474891</t>
  </si>
  <si>
    <t>消耗品（啓発用ＤＶＤ）購入代</t>
  </si>
  <si>
    <t>公益財団法人　麻薬・覚せい剤乱用防止センター　理事長　井村　伸正</t>
  </si>
  <si>
    <t>5010405010423</t>
  </si>
  <si>
    <t>482751</t>
  </si>
  <si>
    <t>消耗品（プリンターほか）購入代</t>
  </si>
  <si>
    <t>489472</t>
  </si>
  <si>
    <t>消耗品（公印）購入代</t>
  </si>
  <si>
    <t>（有）クレッセント　取締役社長　石井　由美子</t>
  </si>
  <si>
    <t>4021002005799</t>
  </si>
  <si>
    <t>477533</t>
  </si>
  <si>
    <t>消耗品（運転免許更新時講習等に使用する教本）購入代（10月分）</t>
  </si>
  <si>
    <t>477808</t>
  </si>
  <si>
    <t>消耗品（ＩＣカード免許証作成機用消耗品）購入代（10月分）</t>
  </si>
  <si>
    <t>480907</t>
  </si>
  <si>
    <t>消耗品（のぼり旗ほか）購入代</t>
  </si>
  <si>
    <t>株式会社フシミ　代表取締役　伏見　充史</t>
  </si>
  <si>
    <t>2080001009064</t>
  </si>
  <si>
    <t>491383</t>
  </si>
  <si>
    <t>消耗品（マーチングシューズ）購入代</t>
  </si>
  <si>
    <t>（株）音装　代表取締役　小俣　豊</t>
  </si>
  <si>
    <t>6011501000886</t>
  </si>
  <si>
    <t>480081</t>
  </si>
  <si>
    <t>消耗品（ホワイトボードほか）購入代</t>
  </si>
  <si>
    <t>480692</t>
  </si>
  <si>
    <t>消耗品（ワッペン）購入代</t>
  </si>
  <si>
    <t>（株）ＫＡＺＥＮ東京　代表取締役社長　矢澤　真樹</t>
  </si>
  <si>
    <t>6010001175875</t>
  </si>
  <si>
    <t>491953</t>
  </si>
  <si>
    <t>消耗品（バッジ）購入代</t>
  </si>
  <si>
    <t>502458</t>
  </si>
  <si>
    <t>備品（回転いす）購入代</t>
  </si>
  <si>
    <t>488055</t>
  </si>
  <si>
    <t>消耗品（懸垂幕）購入代</t>
  </si>
  <si>
    <t>（株）現金屋　代表取締役　小泉　弘</t>
  </si>
  <si>
    <t>8020001011268</t>
  </si>
  <si>
    <t>497335</t>
  </si>
  <si>
    <t>消耗品（ドローイングペンほか）購入代</t>
  </si>
  <si>
    <t>501351</t>
  </si>
  <si>
    <t>消耗品（作業用ヘルメット）購入代</t>
  </si>
  <si>
    <t>ミドリ安全（株）横浜支店　支店長　岡崎　賢治</t>
  </si>
  <si>
    <t>1011001022683</t>
  </si>
  <si>
    <t>490573</t>
  </si>
  <si>
    <t>消耗品（住宅地図）購入代</t>
  </si>
  <si>
    <t>490699</t>
  </si>
  <si>
    <t>消耗品（ボールペンほか）購入代</t>
  </si>
  <si>
    <t>502360</t>
  </si>
  <si>
    <t>消耗品（現金出納簿ほか）購入代</t>
  </si>
  <si>
    <t>（株）コームラ　代表取締役　鴻村　健司</t>
  </si>
  <si>
    <t>5200001001939</t>
  </si>
  <si>
    <t>505779</t>
  </si>
  <si>
    <t>消耗品（滅菌スティック用袋）購入代</t>
  </si>
  <si>
    <t>イワツキ株式会社　代表取締役社長　岩月　宏昌</t>
  </si>
  <si>
    <t>8011401000704</t>
  </si>
  <si>
    <t>506899</t>
  </si>
  <si>
    <t>消耗品（広報啓発用ステッカー）購入代</t>
  </si>
  <si>
    <t>507228</t>
  </si>
  <si>
    <t>消耗品（ラベル）購入代</t>
  </si>
  <si>
    <t>507432</t>
  </si>
  <si>
    <t>消耗品（ストロボほか）購入代</t>
  </si>
  <si>
    <t>513120</t>
  </si>
  <si>
    <t>消耗品（セキュリティーソフト）購入代</t>
  </si>
  <si>
    <t>（株）アスクープ　代表取締役　野萩　聡</t>
  </si>
  <si>
    <t>9020001120563</t>
  </si>
  <si>
    <t>515568</t>
  </si>
  <si>
    <t>備品（ルームクーラー）購入代及び撤去代</t>
  </si>
  <si>
    <t>やまと家電（株）　代表取締役　岡本　賢治</t>
  </si>
  <si>
    <t>8021001026066</t>
  </si>
  <si>
    <t>516136</t>
  </si>
  <si>
    <t>消耗品（楯）購入代</t>
  </si>
  <si>
    <t>518608</t>
  </si>
  <si>
    <t>消耗品（台車ほか）購入代</t>
  </si>
  <si>
    <t>512714</t>
  </si>
  <si>
    <t>消耗品（信号炎管）購入代</t>
  </si>
  <si>
    <t>519635</t>
  </si>
  <si>
    <t>消耗品（インクカートリッジほか）購入代</t>
  </si>
  <si>
    <t>520166</t>
  </si>
  <si>
    <t>消耗品（ブルーレイレコーダー）購入代</t>
  </si>
  <si>
    <t>523425</t>
  </si>
  <si>
    <t>消耗品（警察功績章ほか）購入代</t>
  </si>
  <si>
    <t>526336</t>
  </si>
  <si>
    <t>消耗品（片そで机ほか）購入代</t>
  </si>
  <si>
    <t>518611</t>
  </si>
  <si>
    <t>消耗品（手ぶら拡声器）購入代</t>
  </si>
  <si>
    <t>（有）南豆無線電機　代表取締役　真野　稔千</t>
  </si>
  <si>
    <t>2080102021075</t>
  </si>
  <si>
    <t>526160</t>
  </si>
  <si>
    <t>消耗品（ポータブル電源）購入代</t>
  </si>
  <si>
    <t>（有）ハマ商事　代表取締役　新井　秀和</t>
  </si>
  <si>
    <t>3020002027813</t>
  </si>
  <si>
    <t>521108</t>
  </si>
  <si>
    <t>消耗品（プロジェクターほか）購入代</t>
  </si>
  <si>
    <t>521114</t>
  </si>
  <si>
    <t>消耗品（コピー用紙）購入代（11月分）</t>
  </si>
  <si>
    <t>527676</t>
  </si>
  <si>
    <t>530254</t>
  </si>
  <si>
    <t>消耗品（デジタルカメラほか）購入代</t>
  </si>
  <si>
    <t>533680</t>
  </si>
  <si>
    <t>消耗品（住居用洗剤）購入代</t>
  </si>
  <si>
    <t>（株）ウチムラ　代表取締役　内村　浩史</t>
  </si>
  <si>
    <t>6020001009652</t>
  </si>
  <si>
    <t>533135</t>
  </si>
  <si>
    <t>消耗品（トナーカートリッジほか）購入代（11月分）</t>
  </si>
  <si>
    <t>533304</t>
  </si>
  <si>
    <t>533665</t>
  </si>
  <si>
    <t>消耗品（複写機用紙）購入代（11月分）</t>
  </si>
  <si>
    <t>539579</t>
  </si>
  <si>
    <t>定期刊行物（ＪＴＢ時刻表ほか）購入代（第４四半期分）</t>
  </si>
  <si>
    <t>528549</t>
  </si>
  <si>
    <t>消耗品（パーキング・チケットロール式ほか）購入代</t>
  </si>
  <si>
    <t>（株）イセトー横浜支店　支店長　沖　荘二郎</t>
  </si>
  <si>
    <t>4130001019931</t>
  </si>
  <si>
    <t>528708</t>
  </si>
  <si>
    <t>消耗品（棒状温度計）購入代</t>
  </si>
  <si>
    <t>529430</t>
  </si>
  <si>
    <t>識別標識表示（漢字）ほか購入代</t>
  </si>
  <si>
    <t>土屋工業（株）　代表取締役　土屋　俊一</t>
  </si>
  <si>
    <t>3010001023054</t>
  </si>
  <si>
    <t>532095</t>
  </si>
  <si>
    <t>消耗品（コードリールほか）購入代</t>
  </si>
  <si>
    <t>533218</t>
  </si>
  <si>
    <t>533691</t>
  </si>
  <si>
    <t>消耗品（のり付きパネル）購入代</t>
  </si>
  <si>
    <t>538031</t>
  </si>
  <si>
    <t>消耗品（県全図ほか）購入代</t>
  </si>
  <si>
    <t>（株）中央ジオマチックス横浜営業所　所長　高橋　輝雄</t>
  </si>
  <si>
    <t>5011401004138</t>
  </si>
  <si>
    <t>528987</t>
  </si>
  <si>
    <t>534111</t>
  </si>
  <si>
    <t>消耗品（高純度ヘリウムガスほか）購入代（11月分）</t>
  </si>
  <si>
    <t>534271</t>
  </si>
  <si>
    <t>消耗品（アセトニトリルほか）購入代（11月分）</t>
  </si>
  <si>
    <t>534611</t>
  </si>
  <si>
    <t>消耗品（トナーカートリッジほか）購入代</t>
  </si>
  <si>
    <t>543896</t>
  </si>
  <si>
    <t>消耗品（運転免許更新時講習等に使用する教本）購入代（11月分）</t>
  </si>
  <si>
    <t>538348</t>
  </si>
  <si>
    <t>定期刊行物（文芸春秋ほか）購入代（第４四半期分）</t>
  </si>
  <si>
    <t>546161</t>
  </si>
  <si>
    <t>消耗品（スタッドレスタイヤ（ホイール付））購入代</t>
  </si>
  <si>
    <t>株式会社トノックス　代表取締役　殿内　荘太郎</t>
  </si>
  <si>
    <t>4021001037158</t>
  </si>
  <si>
    <t>547755</t>
  </si>
  <si>
    <t>消耗品（雑誌）購入代（１月分）</t>
  </si>
  <si>
    <t>539243</t>
  </si>
  <si>
    <t>消耗品（アクリル板）購入代</t>
  </si>
  <si>
    <t>（株）島忠　ホームズ新山下店　店長　高橋　徹</t>
  </si>
  <si>
    <t>1030001004269</t>
  </si>
  <si>
    <t>542544</t>
  </si>
  <si>
    <t>消耗品（クリアケースほか）購入代</t>
  </si>
  <si>
    <t>543157</t>
  </si>
  <si>
    <t>消耗品（リサイクルインク）購入代</t>
  </si>
  <si>
    <t>543388</t>
  </si>
  <si>
    <t>消耗品（アダプタほか）購入代</t>
  </si>
  <si>
    <t>543569</t>
  </si>
  <si>
    <t>消耗品（コンクリート型枠用合板）購入代</t>
  </si>
  <si>
    <t>（有）二川屋商店　代表取締役　相澤　光雄</t>
  </si>
  <si>
    <t>4020002047892</t>
  </si>
  <si>
    <t>544667</t>
  </si>
  <si>
    <t>消耗品（小型チェンソー用部品ほか）購入代</t>
  </si>
  <si>
    <t>帝商（株）横浜営業所　所長　寺本　安孝</t>
  </si>
  <si>
    <t>5010001050740</t>
  </si>
  <si>
    <t>557283</t>
  </si>
  <si>
    <t>消耗品（ねじほか）購入代</t>
  </si>
  <si>
    <t>543514</t>
  </si>
  <si>
    <t>消耗品（冷蔵庫ほか）購入代（11月分）</t>
  </si>
  <si>
    <t>545988</t>
  </si>
  <si>
    <t>消耗品（ＩＣカード免許証作成機用消耗品）購入代（11月分）</t>
  </si>
  <si>
    <t>548645</t>
  </si>
  <si>
    <t>消耗品（印刷用再生紙）購入代（11月分）</t>
  </si>
  <si>
    <t>552681</t>
  </si>
  <si>
    <t>消耗品（鍵ひも）購入代</t>
  </si>
  <si>
    <t>556250</t>
  </si>
  <si>
    <t>556777</t>
  </si>
  <si>
    <t>消耗品（錠前）購入代</t>
  </si>
  <si>
    <t>（株）ジェイエムエス　代表取締役　武藤　貴光</t>
  </si>
  <si>
    <t>3011101043009</t>
  </si>
  <si>
    <t>558997</t>
  </si>
  <si>
    <t>消耗品（ボールペン）購入代</t>
  </si>
  <si>
    <t>563508</t>
  </si>
  <si>
    <t>備品（ヘリコプター用フロントカバー）購入代</t>
  </si>
  <si>
    <t>セントラルヘリコプターサービス（株）　代表取締役　五十嵐　好信</t>
  </si>
  <si>
    <t>3180001063075</t>
  </si>
  <si>
    <t>547719</t>
  </si>
  <si>
    <t>消耗品（インクフィルム）購入代</t>
  </si>
  <si>
    <t>551110</t>
  </si>
  <si>
    <t>551782</t>
  </si>
  <si>
    <t>消耗品（ノート型パソコン）購入代（賃貸借契約満了物件）</t>
  </si>
  <si>
    <t>ＩＢＪＬ東芝リース（株）　代表取締役　吉田　亨</t>
  </si>
  <si>
    <t>4010701026198</t>
  </si>
  <si>
    <t>555739</t>
  </si>
  <si>
    <t>消耗品（デジタルカメラ）購入代</t>
  </si>
  <si>
    <t>557148</t>
  </si>
  <si>
    <t>消耗品（連続用紙）購入代</t>
  </si>
  <si>
    <t>558541</t>
  </si>
  <si>
    <t>消耗品（プリントパックほか）購入代</t>
  </si>
  <si>
    <t>559474</t>
  </si>
  <si>
    <t>消耗品（プラダンシート）購入代</t>
  </si>
  <si>
    <t>（株）アイブレーン　代表取締役　松岡　貴峰</t>
  </si>
  <si>
    <t>2020001048695</t>
  </si>
  <si>
    <t>559630</t>
  </si>
  <si>
    <t>消耗品（猟銃等取扱読本）購入代</t>
  </si>
  <si>
    <t>一般社団法人　全日本指定射撃場協会　理事長　野口　省吾</t>
  </si>
  <si>
    <t>8010005018590</t>
  </si>
  <si>
    <t>562197</t>
  </si>
  <si>
    <t>消耗品（指紋用転写シート）購入代（12月分）</t>
  </si>
  <si>
    <t>562276</t>
  </si>
  <si>
    <t>消耗品（印画紙ほか）購入代（12月分）</t>
  </si>
  <si>
    <t>562698</t>
  </si>
  <si>
    <t>消耗品（ネットキャッチャーほか）購入代</t>
  </si>
  <si>
    <t>569311</t>
  </si>
  <si>
    <t>備品（ソファほか）購入代</t>
  </si>
  <si>
    <t>株式会社家具の大正堂ルームズ大正堂本店　代表取締役社長　渋谷　金隆</t>
  </si>
  <si>
    <t>2012301000592</t>
  </si>
  <si>
    <t>564902</t>
  </si>
  <si>
    <t>消耗品（足跡シート）購入代（12月分）</t>
  </si>
  <si>
    <t>567973</t>
  </si>
  <si>
    <t>消耗品（ハードディスクレコーダーほか）購入代（11月分）</t>
  </si>
  <si>
    <t>563689</t>
  </si>
  <si>
    <t>消耗品（シリンジほか）購入代</t>
  </si>
  <si>
    <t>564917</t>
  </si>
  <si>
    <t>備品（tension meter,sonic）購入代</t>
  </si>
  <si>
    <t>エコー電子（株）　代表取締役　奈良　剛</t>
  </si>
  <si>
    <t>1020001022528</t>
  </si>
  <si>
    <t>565200</t>
  </si>
  <si>
    <t>消耗品（ドローン）購入代</t>
  </si>
  <si>
    <t>（株）セキド　セキドＤＪＩ横浜ベイサイド店　代表取締役　大下　貴之</t>
  </si>
  <si>
    <t>3012401022932</t>
  </si>
  <si>
    <t>571163</t>
  </si>
  <si>
    <t>消耗品（非常信号灯）購入代</t>
  </si>
  <si>
    <t>三洋商事（株）東京支店　横浜事務所　支店長　山田　謙二</t>
  </si>
  <si>
    <t>5010001044528</t>
  </si>
  <si>
    <t>571323</t>
  </si>
  <si>
    <t>消耗品（バッテリーほか）購入代</t>
  </si>
  <si>
    <t>572182</t>
  </si>
  <si>
    <t>消耗品（次亜塩素酸ナトリウムほか）購入代</t>
  </si>
  <si>
    <t>相模原商事（株）　代表取締役　蛯谷　康一</t>
  </si>
  <si>
    <t>3021001012120</t>
  </si>
  <si>
    <t>573993</t>
  </si>
  <si>
    <t>消耗品（土嚢用砂）購入代</t>
  </si>
  <si>
    <t>人の森（株）　代表取締役　加藤　政徳</t>
  </si>
  <si>
    <t>5021001026853</t>
  </si>
  <si>
    <t>574935</t>
  </si>
  <si>
    <t>（有）高橋書店　取締役　鈴木　新市</t>
  </si>
  <si>
    <t>8020002043632</t>
  </si>
  <si>
    <t>576964</t>
  </si>
  <si>
    <t>第一法規（株）　代表取締役社長　田中　英弥</t>
  </si>
  <si>
    <t>7010401017486</t>
  </si>
  <si>
    <t>577032</t>
  </si>
  <si>
    <t>消耗品（ｍｉｃｒｏＳＤカード）購入代</t>
  </si>
  <si>
    <t>579669</t>
  </si>
  <si>
    <t>581883</t>
  </si>
  <si>
    <t>消耗品（迷惑電話防止機器）購入代</t>
  </si>
  <si>
    <t>（株）太知ホールディングス　代表取締役　川村　修三</t>
  </si>
  <si>
    <t>5010001090844</t>
  </si>
  <si>
    <t>561461</t>
  </si>
  <si>
    <t>消耗品（花瓶さし花）購入代</t>
  </si>
  <si>
    <t>582039</t>
  </si>
  <si>
    <t>583789</t>
  </si>
  <si>
    <t>583931</t>
  </si>
  <si>
    <t>備品（メガホン型翻訳機）購入代</t>
  </si>
  <si>
    <t>パナソニックシステムソリューションズジャパン（株）　首都圏部門　執行役員副社長　奥村　康彦</t>
  </si>
  <si>
    <t>3010001129215</t>
  </si>
  <si>
    <t>583934</t>
  </si>
  <si>
    <t>消耗品（ソフトウェア）購入代</t>
  </si>
  <si>
    <t>加賀町警察署</t>
  </si>
  <si>
    <t>360237</t>
  </si>
  <si>
    <t>上半期複写機用再生紙の購入について（9月分）</t>
  </si>
  <si>
    <t>369775</t>
  </si>
  <si>
    <t>インクカートリッジ等の購入について（9月分）</t>
  </si>
  <si>
    <t>372014</t>
  </si>
  <si>
    <t>トイレットペーパーの購入について（9月分）</t>
  </si>
  <si>
    <t>ニッパ株式会社　代表取締役　秋本　りつ子</t>
  </si>
  <si>
    <t>422462</t>
  </si>
  <si>
    <t>コインカウンター等の購入</t>
  </si>
  <si>
    <t>437398</t>
  </si>
  <si>
    <t>複写機用再生紙購入代（10月分）</t>
  </si>
  <si>
    <t>442284</t>
  </si>
  <si>
    <t>トイレットペーパー購入代（10月分）</t>
  </si>
  <si>
    <t>442381</t>
  </si>
  <si>
    <t>インクカートリッジ等購入代（10月分）</t>
  </si>
  <si>
    <t>458054</t>
  </si>
  <si>
    <t>ゴミ袋等の購入代</t>
  </si>
  <si>
    <t>（株）エムアンドオーインダストリー　代表取締役　町側　烈士</t>
  </si>
  <si>
    <t>6020001016797</t>
  </si>
  <si>
    <t>461643</t>
  </si>
  <si>
    <t>署長表彰賞品の購入代</t>
  </si>
  <si>
    <t>467317</t>
  </si>
  <si>
    <t>ゴム印の購入代</t>
  </si>
  <si>
    <t>（株）ワイソリューション　代表取締役　高橋　伸一</t>
  </si>
  <si>
    <t>479757</t>
  </si>
  <si>
    <t>ラミネートフィルム等の購入代</t>
  </si>
  <si>
    <t>505625</t>
  </si>
  <si>
    <t>石油ベンジンの購入代</t>
  </si>
  <si>
    <t>株式会社　科学装備研究所　代表取締役　松本　昭彦</t>
  </si>
  <si>
    <t>5011201001129</t>
  </si>
  <si>
    <t>509506</t>
  </si>
  <si>
    <t>複写機用再生紙の購入代（11月分）</t>
  </si>
  <si>
    <t>520533</t>
  </si>
  <si>
    <t>トイレットペーパーの購入代（11月分）</t>
  </si>
  <si>
    <t>531027</t>
  </si>
  <si>
    <t>インクカートリッジ等の購入代（11月分）</t>
  </si>
  <si>
    <t>560158</t>
  </si>
  <si>
    <t>CD-R等の購入代</t>
  </si>
  <si>
    <t>株式会社オオニシ　代表取締役　岡　國治</t>
  </si>
  <si>
    <t>6020002016268</t>
  </si>
  <si>
    <t>山手警察署</t>
  </si>
  <si>
    <t>365362</t>
  </si>
  <si>
    <t>平成31年度上半期複写機用再生紙の購入</t>
  </si>
  <si>
    <t>370481</t>
  </si>
  <si>
    <t>ＵＳＢメモリーほかの購入</t>
  </si>
  <si>
    <t>375870</t>
  </si>
  <si>
    <t>キッチンハイター等の購入</t>
  </si>
  <si>
    <t>（有）濱屋　代表取締役　田中　信義</t>
  </si>
  <si>
    <t>5020002044559</t>
  </si>
  <si>
    <t>379657</t>
  </si>
  <si>
    <t>インクカートリッジの購入</t>
  </si>
  <si>
    <t>392629</t>
  </si>
  <si>
    <t>掃除機の購入</t>
  </si>
  <si>
    <t>（株）オオニシ　代表取締役　岡　國治</t>
  </si>
  <si>
    <t>417111</t>
  </si>
  <si>
    <t>留置施設用医薬品の購入</t>
  </si>
  <si>
    <t>有限会社　石井薬局　代表取締役　石井　悦子</t>
  </si>
  <si>
    <t>8020002026570</t>
  </si>
  <si>
    <t>435499</t>
  </si>
  <si>
    <t>複写機用再生紙の購入代（下半期）</t>
  </si>
  <si>
    <t>441022</t>
  </si>
  <si>
    <t>キッチンハイター等の購入代</t>
  </si>
  <si>
    <t>444209</t>
  </si>
  <si>
    <t>トイレットペーパーの購入代</t>
  </si>
  <si>
    <t>446210</t>
  </si>
  <si>
    <t>インクカートリッジの購入代</t>
  </si>
  <si>
    <t>509337</t>
  </si>
  <si>
    <t>512667</t>
  </si>
  <si>
    <t>スタッドレスタイヤほかの購入代</t>
  </si>
  <si>
    <t>株式会社小林タイヤ商会　横浜支店　支店長　守西　勉</t>
  </si>
  <si>
    <t>6080101008532</t>
  </si>
  <si>
    <t>519104</t>
  </si>
  <si>
    <t>ＵＳＢメモリーほかの購入代</t>
  </si>
  <si>
    <t>519134</t>
  </si>
  <si>
    <t>520810</t>
  </si>
  <si>
    <t>527674</t>
  </si>
  <si>
    <t>546620</t>
  </si>
  <si>
    <t>備品（ソファー）購入代</t>
  </si>
  <si>
    <t>585580</t>
  </si>
  <si>
    <t>ビニールテープほかの購入代</t>
  </si>
  <si>
    <t>磯子警察署</t>
  </si>
  <si>
    <t>361542</t>
  </si>
  <si>
    <t>平成31年度上半期複写機再生紙の購入について(９月分)</t>
  </si>
  <si>
    <t>368198</t>
  </si>
  <si>
    <t>インクタンク等の購入　９月分</t>
  </si>
  <si>
    <t>396710</t>
  </si>
  <si>
    <t>旗の購入</t>
  </si>
  <si>
    <t>株式会社根岸の旗や　代表取締役　本井　哲夫</t>
  </si>
  <si>
    <t>428823</t>
  </si>
  <si>
    <t>アルカリ乾電池等の購入</t>
  </si>
  <si>
    <t>440248</t>
  </si>
  <si>
    <t>下半期複写機用再生紙購入代(10月分)</t>
  </si>
  <si>
    <t>442137</t>
  </si>
  <si>
    <t>トイレットペーパー購入代(10月分)</t>
  </si>
  <si>
    <t>444933</t>
  </si>
  <si>
    <t>インクタンク等購入代(10月分)</t>
  </si>
  <si>
    <t>490316</t>
  </si>
  <si>
    <t>ラミネートフィルム等購入代</t>
  </si>
  <si>
    <t>512045</t>
  </si>
  <si>
    <t>下半期複写機再生紙購入代(11月分)</t>
  </si>
  <si>
    <t>521015</t>
  </si>
  <si>
    <t>トイレットペーパー購入代(11月分)</t>
  </si>
  <si>
    <t>522623</t>
  </si>
  <si>
    <t>インクタンク等購入代(11月分)</t>
  </si>
  <si>
    <t>584834</t>
  </si>
  <si>
    <t>ビニールカバー等購入代</t>
  </si>
  <si>
    <t>585413</t>
  </si>
  <si>
    <t>賞状盆等の購入代</t>
  </si>
  <si>
    <t>金沢警察署</t>
  </si>
  <si>
    <t>374711</t>
  </si>
  <si>
    <t>ファイルシートほかの購入</t>
  </si>
  <si>
    <t>株式会社山田商会　代表取締役　志村　哲文</t>
  </si>
  <si>
    <t>2010001059314</t>
  </si>
  <si>
    <t>367654</t>
  </si>
  <si>
    <t>ＵＳＢメモリー等の購入（９月分）</t>
  </si>
  <si>
    <t>368325</t>
  </si>
  <si>
    <t>平成３１年度上半期複写機用再生紙の購入（９月分）</t>
  </si>
  <si>
    <t>369036</t>
  </si>
  <si>
    <t>トイレットペーパー等の購入（９月分）</t>
  </si>
  <si>
    <t>小沢作二株式会社　代表取締役　小澤　義郎</t>
  </si>
  <si>
    <t>5020001045905</t>
  </si>
  <si>
    <t>401970</t>
  </si>
  <si>
    <t>卓上キャビネットの購入</t>
  </si>
  <si>
    <t>464721</t>
  </si>
  <si>
    <t>距離測定器購入代</t>
  </si>
  <si>
    <t>513229</t>
  </si>
  <si>
    <t>電気カミソリ刃ほか購入代</t>
  </si>
  <si>
    <t>アリス電機株式会社　代表取締役　大倉　弘之</t>
  </si>
  <si>
    <t>517130</t>
  </si>
  <si>
    <t>ＵＳＢメモリー等購入代（11月分）</t>
  </si>
  <si>
    <t>520026</t>
  </si>
  <si>
    <t>複写機用紙購入代（11月分）</t>
  </si>
  <si>
    <t>528590</t>
  </si>
  <si>
    <t>トイレットペーパーほか購入代</t>
  </si>
  <si>
    <t>577029</t>
  </si>
  <si>
    <t>洗濯機購入代</t>
  </si>
  <si>
    <t>（株）ヤマダ電機　横浜金沢営業所　所長　原田　和典</t>
  </si>
  <si>
    <t>南警察署</t>
  </si>
  <si>
    <t>370184</t>
  </si>
  <si>
    <t>複写機用再生紙購入代（９月分）</t>
  </si>
  <si>
    <t>370771</t>
  </si>
  <si>
    <t>インクカートリッジ等の購入（９月分）</t>
  </si>
  <si>
    <t>380429</t>
  </si>
  <si>
    <t>直腸温度計の購入</t>
  </si>
  <si>
    <t>株式会社ピー・エス・インダストリー　代表取締役　清水　康明</t>
  </si>
  <si>
    <t>402430</t>
  </si>
  <si>
    <t>有限会社二川屋商店　代表取締役　相澤　光雄</t>
  </si>
  <si>
    <t>430252</t>
  </si>
  <si>
    <t>合鍵の購入（交番バイク用）について</t>
  </si>
  <si>
    <t>有限会社　カギの横浜ロックサービス　代表取締役　横山　篤朗</t>
  </si>
  <si>
    <t>446288</t>
  </si>
  <si>
    <t>451312</t>
  </si>
  <si>
    <t>インクカートリッジ等の購入代（10月分）</t>
  </si>
  <si>
    <t>456101</t>
  </si>
  <si>
    <t>スタッドレスタイヤの購入代</t>
  </si>
  <si>
    <t>横浜商工（株）　代表取締役　河合　昭彦</t>
  </si>
  <si>
    <t>3020001016321</t>
  </si>
  <si>
    <t>477809</t>
  </si>
  <si>
    <t>トイレットペーパー等の購入代（10月分）</t>
  </si>
  <si>
    <t>500788</t>
  </si>
  <si>
    <t>パーツクリーナーほかの購入代</t>
  </si>
  <si>
    <t>（有）丸山商会　代表取締役　丸山　道雄</t>
  </si>
  <si>
    <t>4020002024941</t>
  </si>
  <si>
    <t>500909</t>
  </si>
  <si>
    <t>使い捨てマスクほかの購入代</t>
  </si>
  <si>
    <t>520226</t>
  </si>
  <si>
    <t>520312</t>
  </si>
  <si>
    <t>複写機用再生紙購入代（11月分）</t>
  </si>
  <si>
    <t>533684</t>
  </si>
  <si>
    <t>アルカリ乾電池ほかの購入代</t>
  </si>
  <si>
    <t>株式会社モスト　代表取締役　眞下　博史</t>
  </si>
  <si>
    <t>2020001036997</t>
  </si>
  <si>
    <t>533992</t>
  </si>
  <si>
    <t>パイプ式ファイルほかの購入代</t>
  </si>
  <si>
    <t>559890</t>
  </si>
  <si>
    <t>トイレットペーパー等の購入代（11月分）</t>
  </si>
  <si>
    <t>580462</t>
  </si>
  <si>
    <t>旗竿ほかの購入代</t>
  </si>
  <si>
    <t>松本徽章株式会社　代表取締役　松本　光政</t>
  </si>
  <si>
    <t>伊勢佐木警察署</t>
  </si>
  <si>
    <t>377126</t>
  </si>
  <si>
    <t>インクカートリッジ他の購入（９月分）</t>
  </si>
  <si>
    <t>381637</t>
  </si>
  <si>
    <t>メンテナンスボックスの購入</t>
  </si>
  <si>
    <t>有限会社　テック＆テック　代表取締役　齊藤　俊之</t>
  </si>
  <si>
    <t>8020002073101</t>
  </si>
  <si>
    <t>395032</t>
  </si>
  <si>
    <t>ボールペン他の購入</t>
  </si>
  <si>
    <t>403275</t>
  </si>
  <si>
    <t>ポータブルプレーヤー他の購入</t>
  </si>
  <si>
    <t>ティピィシィ　株式会社　代表取締役　柳田　良治</t>
  </si>
  <si>
    <t>7020001046777</t>
  </si>
  <si>
    <t>416393</t>
  </si>
  <si>
    <t>雑巾他の購入</t>
  </si>
  <si>
    <t>437012</t>
  </si>
  <si>
    <t>複写機用再生紙の購入（10月分）</t>
  </si>
  <si>
    <t>451329</t>
  </si>
  <si>
    <t>消耗品（インクカートリッジ他）購入代（10月分）</t>
  </si>
  <si>
    <t>461732</t>
  </si>
  <si>
    <t>車両用消耗品（ワックスほか）購入代</t>
  </si>
  <si>
    <t>株式会社第一商会　代表取締役社長　増田　寛之</t>
  </si>
  <si>
    <t>3020001027368</t>
  </si>
  <si>
    <t>516223</t>
  </si>
  <si>
    <t>518938</t>
  </si>
  <si>
    <t>消耗品（インクカートリッジ他）購入代（11月分）</t>
  </si>
  <si>
    <t>526156</t>
  </si>
  <si>
    <t>トイレットペーパー購入代</t>
  </si>
  <si>
    <t>530645</t>
  </si>
  <si>
    <t>消耗品（電球他）購入代</t>
  </si>
  <si>
    <t>磯田電材株式会社　代表取締役　磯田　篤</t>
  </si>
  <si>
    <t>6020001016649</t>
  </si>
  <si>
    <t>535129</t>
  </si>
  <si>
    <t>消耗品（靴下他）購入代</t>
  </si>
  <si>
    <t>541766</t>
  </si>
  <si>
    <t>消耗品（整理棚他）購入代</t>
  </si>
  <si>
    <t>547721</t>
  </si>
  <si>
    <t>消耗品（キーボックス）購入代</t>
  </si>
  <si>
    <t>584463</t>
  </si>
  <si>
    <t>消耗品（コピーペーパー他）購入代</t>
  </si>
  <si>
    <t>株式会社染谷商店　代表取締役　広瀬　雅義</t>
  </si>
  <si>
    <t>4020001015231</t>
  </si>
  <si>
    <t>584468</t>
  </si>
  <si>
    <t>消耗品（軍手他）購入代</t>
  </si>
  <si>
    <t>戸部警察署</t>
  </si>
  <si>
    <t>369772</t>
  </si>
  <si>
    <t>上半期複写機用再生紙の購入（９月分）</t>
  </si>
  <si>
    <t>370093</t>
  </si>
  <si>
    <t>インクカートリッジほかの購入（９月分）</t>
  </si>
  <si>
    <t>372148</t>
  </si>
  <si>
    <t>署長表彰に伴う記念品ほかの購入</t>
  </si>
  <si>
    <t>374119</t>
  </si>
  <si>
    <t>上半期トイレットペーパーの購入（９月分）</t>
  </si>
  <si>
    <t>405407</t>
  </si>
  <si>
    <t>大人用おむつの購入</t>
  </si>
  <si>
    <t>（有）加藤回陽堂　蓬莱町店　取締役社長　加藤　昇一</t>
  </si>
  <si>
    <t>4020002041904</t>
  </si>
  <si>
    <t>445363</t>
  </si>
  <si>
    <t>複写機用再生紙の購入代（10月分）</t>
  </si>
  <si>
    <t>445688</t>
  </si>
  <si>
    <t>（株）モスト　代表取締役　眞下　博史</t>
  </si>
  <si>
    <t>450969</t>
  </si>
  <si>
    <t>476659</t>
  </si>
  <si>
    <t>車両用消耗品の購入代</t>
  </si>
  <si>
    <t>（株）第一商会　代表取締役社長　増田　寛之</t>
  </si>
  <si>
    <t>493948</t>
  </si>
  <si>
    <t>ストーブの購入代</t>
  </si>
  <si>
    <t>515503</t>
  </si>
  <si>
    <t>516964</t>
  </si>
  <si>
    <t>542992</t>
  </si>
  <si>
    <t>545895</t>
  </si>
  <si>
    <t>部外者表彰に伴う副賞の購入代</t>
  </si>
  <si>
    <t>581292</t>
  </si>
  <si>
    <t>内服薬等の購入代</t>
  </si>
  <si>
    <t>（有）エム・エイチファーマシー　代表取締役　三浦　英次</t>
  </si>
  <si>
    <t>2020002062522</t>
  </si>
  <si>
    <t>神奈川警察署</t>
  </si>
  <si>
    <t>370083</t>
  </si>
  <si>
    <t>ゴミ袋等の購入（９月分）</t>
  </si>
  <si>
    <t>（株）エム．アンド．オーインダストリー　代表取締役　町側　烈士</t>
  </si>
  <si>
    <t>370587</t>
  </si>
  <si>
    <t>蛍光灯等の購入（９月分）</t>
  </si>
  <si>
    <t>（株）山下商店　代表取締役　山下　孝</t>
  </si>
  <si>
    <t>1020001013915</t>
  </si>
  <si>
    <t>375985</t>
  </si>
  <si>
    <t>トイレットペーパーの購入（９月分）</t>
  </si>
  <si>
    <t>382173</t>
  </si>
  <si>
    <t>458828</t>
  </si>
  <si>
    <t>医薬品購入代</t>
  </si>
  <si>
    <t>（有）佐藤薬局　代表取締役　佐藤　周一</t>
  </si>
  <si>
    <t>4021002071494</t>
  </si>
  <si>
    <t>471765</t>
  </si>
  <si>
    <t>標識起こし機バッテリー購入代</t>
  </si>
  <si>
    <t>有限会社　神奈川技研　代表取締役　神藤　千賀士</t>
  </si>
  <si>
    <t>5021002016795</t>
  </si>
  <si>
    <t>473684</t>
  </si>
  <si>
    <t>インクカートリッジ等の購入代</t>
  </si>
  <si>
    <t>476607</t>
  </si>
  <si>
    <t>バイク用シートカバー購入代</t>
  </si>
  <si>
    <t>（名）大村商店　代表社員　大村　哲也</t>
  </si>
  <si>
    <t>6020003000312</t>
  </si>
  <si>
    <t>513252</t>
  </si>
  <si>
    <t>複写機用再生紙（11月分）</t>
  </si>
  <si>
    <t>527393</t>
  </si>
  <si>
    <t>530815</t>
  </si>
  <si>
    <t>蛍光灯等の購入代（11月分）</t>
  </si>
  <si>
    <t>540988</t>
  </si>
  <si>
    <t>ポスターパネルの購入代</t>
  </si>
  <si>
    <t>鶴見警察署</t>
  </si>
  <si>
    <t>363374</t>
  </si>
  <si>
    <t>複写機用再生紙の購入（９月分）</t>
  </si>
  <si>
    <t>363475</t>
  </si>
  <si>
    <t>大人用オムツの購入</t>
  </si>
  <si>
    <t>株式会社コクミン　鶴見店　店長　綱　郁成</t>
  </si>
  <si>
    <t>9120001030612</t>
  </si>
  <si>
    <t>367567</t>
  </si>
  <si>
    <t>印画紙ほかの購入（９月分）</t>
  </si>
  <si>
    <t>372329</t>
  </si>
  <si>
    <t>379018</t>
  </si>
  <si>
    <t>ポリごみ袋ほかの購入（９月分）</t>
  </si>
  <si>
    <t>有限会社　二川屋商店　代表取締役　相澤　光雄</t>
  </si>
  <si>
    <t>391189</t>
  </si>
  <si>
    <t>速度測定機用ヘッドセットの購入</t>
  </si>
  <si>
    <t>日本無線株式会社　関東支社　支社長　鈴木　工</t>
  </si>
  <si>
    <t>3012401012867</t>
  </si>
  <si>
    <t>395225</t>
  </si>
  <si>
    <t>リチウムコイン電池ほかの購入</t>
  </si>
  <si>
    <t>磯田電材（株）　代表取締役　磯田　篤</t>
  </si>
  <si>
    <t>431457</t>
  </si>
  <si>
    <t>備品（ワイヤレスアンプほか）の購入代</t>
  </si>
  <si>
    <t>435675</t>
  </si>
  <si>
    <t>消耗品（複写機用再生紙）の購入代（10月分）</t>
  </si>
  <si>
    <t>441896</t>
  </si>
  <si>
    <t>消耗品（飛散防止膜付蛍光管ほか）の購入代</t>
  </si>
  <si>
    <t>446337</t>
  </si>
  <si>
    <t>消耗品（印画紙ほか）の購入代（10月分）</t>
  </si>
  <si>
    <t>株式会社　モスト　代表取締役　眞下　博史</t>
  </si>
  <si>
    <t>447705</t>
  </si>
  <si>
    <t>消耗品（ポリごみ袋ほか）の購入代</t>
  </si>
  <si>
    <t>454768</t>
  </si>
  <si>
    <t>消耗品（水性ペンキほか）の購入代</t>
  </si>
  <si>
    <t>470613</t>
  </si>
  <si>
    <t>消耗品（ＩＣレコーダー）の購入代</t>
  </si>
  <si>
    <t>510882</t>
  </si>
  <si>
    <t>消耗品（複写機用再生紙）の購入代（11月分）</t>
  </si>
  <si>
    <t>518223</t>
  </si>
  <si>
    <t>消耗品（ゴム手袋）の購入代</t>
  </si>
  <si>
    <t>523863</t>
  </si>
  <si>
    <t>消耗品（印画紙ほか）の購入代（11月分）</t>
  </si>
  <si>
    <t>540851</t>
  </si>
  <si>
    <t>547156</t>
  </si>
  <si>
    <t>消耗品（ゴム印）の購入代</t>
  </si>
  <si>
    <t>有限会社　松井印店　取締役　松井　清志</t>
  </si>
  <si>
    <t>558335</t>
  </si>
  <si>
    <t>消耗品（灯油ポンプほか）の購入代</t>
  </si>
  <si>
    <t>563695</t>
  </si>
  <si>
    <t>消耗品（カラープリンター）の購入代</t>
  </si>
  <si>
    <t>571347</t>
  </si>
  <si>
    <t>消耗品（石油ストーブほか）の購入代</t>
  </si>
  <si>
    <t>保土ヶ谷警察署</t>
  </si>
  <si>
    <t>365710</t>
  </si>
  <si>
    <t>平成３１年度上半期複写機用再生紙の購入</t>
  </si>
  <si>
    <t>365783</t>
  </si>
  <si>
    <t>CD-R等の購入</t>
  </si>
  <si>
    <t>378285</t>
  </si>
  <si>
    <t>車両用鍵の購入について</t>
  </si>
  <si>
    <t>神奈川トヨタ自動車（株）保土ヶ谷店　店長　櫻庭　淳一</t>
  </si>
  <si>
    <t>9020001055504</t>
  </si>
  <si>
    <t>378476</t>
  </si>
  <si>
    <t>FINEカートリッジ等の購入</t>
  </si>
  <si>
    <t>378623</t>
  </si>
  <si>
    <t>トイレットペーパー等の購入</t>
  </si>
  <si>
    <t>446782</t>
  </si>
  <si>
    <t>消耗品（ビニール袋等）購入代（10月分）</t>
  </si>
  <si>
    <t>コートー　代表　丸尾　悟</t>
  </si>
  <si>
    <t>446951</t>
  </si>
  <si>
    <t>消耗品（インクカートリッジ等）購入代（10月分）</t>
  </si>
  <si>
    <t>464034</t>
  </si>
  <si>
    <t>マグネットシートほかの購入代</t>
  </si>
  <si>
    <t>485043</t>
  </si>
  <si>
    <t>519073</t>
  </si>
  <si>
    <t>消耗品（CD-R等）購入代（11月分）</t>
  </si>
  <si>
    <t>519105</t>
  </si>
  <si>
    <t>令和元年度下半期複写機用再生紙購入代（11月分）</t>
  </si>
  <si>
    <t>536969</t>
  </si>
  <si>
    <t>温度計ほかの購入代</t>
  </si>
  <si>
    <t>537109</t>
  </si>
  <si>
    <t>541604</t>
  </si>
  <si>
    <t>スタッドレスタイヤ購入代</t>
  </si>
  <si>
    <t>574063</t>
  </si>
  <si>
    <t>玄関マットの購入代</t>
  </si>
  <si>
    <t>（株）中沢商店　代表取締役　中澤　裕介</t>
  </si>
  <si>
    <t>6020001013448</t>
  </si>
  <si>
    <t>584341</t>
  </si>
  <si>
    <t>蛍光灯ほかの購入代</t>
  </si>
  <si>
    <t>港南警察署</t>
  </si>
  <si>
    <t>386224</t>
  </si>
  <si>
    <t>インクタンク等の購入（９月分）</t>
  </si>
  <si>
    <t>386231</t>
  </si>
  <si>
    <t>トイレットペーパーの購入について（９月分）</t>
  </si>
  <si>
    <t>386235</t>
  </si>
  <si>
    <t>手洗い用石鹸等の購入（９月分）</t>
  </si>
  <si>
    <t>386238</t>
  </si>
  <si>
    <t>平成31年度上半期複写機用再生紙の購入（９月分）</t>
  </si>
  <si>
    <t>448918</t>
  </si>
  <si>
    <t>456015</t>
  </si>
  <si>
    <t>バッテリー購入代及び物品修理代</t>
  </si>
  <si>
    <t>日本無線（株）　関東支社　支社長　鈴木　工</t>
  </si>
  <si>
    <t>448906</t>
  </si>
  <si>
    <t>522294</t>
  </si>
  <si>
    <t>フラットファイル等購入代</t>
  </si>
  <si>
    <t>526022</t>
  </si>
  <si>
    <t>トイレットペーパー購入代（11月分）</t>
  </si>
  <si>
    <t>526044</t>
  </si>
  <si>
    <t>インクタンク等購入代（11月分）</t>
  </si>
  <si>
    <t>530779</t>
  </si>
  <si>
    <t>笹下交番休憩室ルームクーラー購入代</t>
  </si>
  <si>
    <t>540848</t>
  </si>
  <si>
    <t>スタッドレスタイヤ等購入代</t>
  </si>
  <si>
    <t>（有）オカジマ　代表取締役　岡島　崇</t>
  </si>
  <si>
    <t>8020002018312</t>
  </si>
  <si>
    <t>560746</t>
  </si>
  <si>
    <t>賞状額購入代</t>
  </si>
  <si>
    <t>緑警察署</t>
  </si>
  <si>
    <t>362240</t>
  </si>
  <si>
    <t>376705</t>
  </si>
  <si>
    <t>ＣＤ－Ｒ等の購入（９月分）</t>
  </si>
  <si>
    <t>（株）ユニック　代表取締役　西山　豊</t>
  </si>
  <si>
    <t>3020001016230</t>
  </si>
  <si>
    <t>376991</t>
  </si>
  <si>
    <t>平成31年度上半期署長表彰（個人）副賞の購入について</t>
  </si>
  <si>
    <t>エイコウビジネス（株）　代表取締役　永井　好久</t>
  </si>
  <si>
    <t>3020001081134</t>
  </si>
  <si>
    <t>382319</t>
  </si>
  <si>
    <t>トイレットペーパーの納入（９月分）</t>
  </si>
  <si>
    <t>386745</t>
  </si>
  <si>
    <t>トイレ用洗剤ほかの購入</t>
  </si>
  <si>
    <t>（有）海老野産業　代表取締役　坂元　隆士</t>
  </si>
  <si>
    <t>1020002093980</t>
  </si>
  <si>
    <t>438484</t>
  </si>
  <si>
    <t>439135</t>
  </si>
  <si>
    <t>ＣＤ－Ｒほかの購入代（10月分）</t>
  </si>
  <si>
    <t>442411</t>
  </si>
  <si>
    <t>平成31年度下半期署長表彰（個人）副賞の購入について（10月分）</t>
  </si>
  <si>
    <t>445571</t>
  </si>
  <si>
    <t>タオルほか購入代</t>
  </si>
  <si>
    <t>（株）エム．アンド．オー．インダストリー　代表取締役　町側　烈士</t>
  </si>
  <si>
    <t>466880</t>
  </si>
  <si>
    <t>額縁の購入</t>
  </si>
  <si>
    <t>513385</t>
  </si>
  <si>
    <t>521077</t>
  </si>
  <si>
    <t>トイレットペーパーの購入代(11月分)</t>
  </si>
  <si>
    <t>535930</t>
  </si>
  <si>
    <t>ＣＤ－Ｒほかの購入代（11月分）</t>
  </si>
  <si>
    <t>545799</t>
  </si>
  <si>
    <t>キーボックスの購入</t>
  </si>
  <si>
    <t>553989</t>
  </si>
  <si>
    <t>平成31年度下半期署長表彰（個人）副賞の購入について（11月分）</t>
  </si>
  <si>
    <t>戸塚警察署</t>
  </si>
  <si>
    <t>366186</t>
  </si>
  <si>
    <t>平成３１年度上半期　複写機用再生紙の購入　９月分</t>
  </si>
  <si>
    <t>株式会社　横浜コンピューターサプライ　代表取締役　池田　広</t>
  </si>
  <si>
    <t>380254</t>
  </si>
  <si>
    <t>写真用紙等の購入　９月分</t>
  </si>
  <si>
    <t>407281</t>
  </si>
  <si>
    <t>ドライブレコーダーほかの購入</t>
  </si>
  <si>
    <t>有限会社高橋紙店　代表取締役　高橋　宏輔</t>
  </si>
  <si>
    <t>4021002038139</t>
  </si>
  <si>
    <t>443748</t>
  </si>
  <si>
    <t>写真用紙等の購入代（10月分）</t>
  </si>
  <si>
    <t>444238</t>
  </si>
  <si>
    <t>446343</t>
  </si>
  <si>
    <t>株式会社山村商店　代表取締役　山村裕治</t>
  </si>
  <si>
    <t>488610</t>
  </si>
  <si>
    <t>出湯管ほかの購入代</t>
  </si>
  <si>
    <t>アストモスリテイリング株式会社　関東カンパニー　横浜営業所　関東カンパニー社長　數口　寿彦</t>
  </si>
  <si>
    <t>5012301002941</t>
  </si>
  <si>
    <t>496362</t>
  </si>
  <si>
    <t>ＳＴＳアルミスタッフ購入代</t>
  </si>
  <si>
    <t>日洋物産株式会社　代表取締役　加藤建雄</t>
  </si>
  <si>
    <t>6021001040878</t>
  </si>
  <si>
    <t>516701</t>
  </si>
  <si>
    <t>520591</t>
  </si>
  <si>
    <t>532426</t>
  </si>
  <si>
    <t>パーテイションスタンドほかの購入代</t>
  </si>
  <si>
    <t>548602</t>
  </si>
  <si>
    <t>石油ストーブ購入代</t>
  </si>
  <si>
    <t>株式会社　トシダ　代表取締役　土志田　仁</t>
  </si>
  <si>
    <t>562483</t>
  </si>
  <si>
    <t>写真用紙等の購入代（11月分）</t>
  </si>
  <si>
    <t>571551</t>
  </si>
  <si>
    <t>セラミックファンヒーター購入代</t>
  </si>
  <si>
    <t>株式会社ヤマダ電機　横浜金沢営業所　所長　原田　和典</t>
  </si>
  <si>
    <t>2140001051761</t>
  </si>
  <si>
    <t>572028</t>
  </si>
  <si>
    <t>雑巾ほか購入代</t>
  </si>
  <si>
    <t>横浜水上警察署</t>
  </si>
  <si>
    <t>367488</t>
  </si>
  <si>
    <t>インクカートリッジ等の購入について（９月分）</t>
  </si>
  <si>
    <t>370889</t>
  </si>
  <si>
    <t>トイレットペーパーの購入について（９月分）について</t>
  </si>
  <si>
    <t>370952</t>
  </si>
  <si>
    <t>庁用品等の購入について（９月分）</t>
  </si>
  <si>
    <t>374246</t>
  </si>
  <si>
    <t>平成31年度上半期　複写機用再生紙の購入（９月分）について</t>
  </si>
  <si>
    <t>390060</t>
  </si>
  <si>
    <t>蛍光灯ほかの購入について</t>
  </si>
  <si>
    <t>401566</t>
  </si>
  <si>
    <t>洗濯機の購入について</t>
  </si>
  <si>
    <t>416050</t>
  </si>
  <si>
    <t>デスクマットほかの購入について</t>
  </si>
  <si>
    <t>429359</t>
  </si>
  <si>
    <t>船舶用品の購入について</t>
  </si>
  <si>
    <t>横浜船用品（株）　代表取締役　天野　達夫</t>
  </si>
  <si>
    <t>8020001030227</t>
  </si>
  <si>
    <t>442041</t>
  </si>
  <si>
    <t>フォトファイル等の購入代</t>
  </si>
  <si>
    <t>442708</t>
  </si>
  <si>
    <t>445083</t>
  </si>
  <si>
    <t>446489</t>
  </si>
  <si>
    <t>庁用品等の購入代（10月分）</t>
  </si>
  <si>
    <t>458712</t>
  </si>
  <si>
    <t>船舶用消耗品（屋外投光用ランプほか）購入代</t>
  </si>
  <si>
    <t>（株）ヤマダ電機　横浜新山下営業所　所長　栗原　直規</t>
  </si>
  <si>
    <t>463232</t>
  </si>
  <si>
    <t>モップスペア等の購入代</t>
  </si>
  <si>
    <t>515799</t>
  </si>
  <si>
    <t>ステンレス製流し台の購入代</t>
  </si>
  <si>
    <t>520804</t>
  </si>
  <si>
    <t>524340</t>
  </si>
  <si>
    <t>庁用品等の購入代（11月分）</t>
  </si>
  <si>
    <t>港北警察署</t>
  </si>
  <si>
    <t>370090</t>
  </si>
  <si>
    <t>上半期事務用消耗品の購入について（９月分）</t>
  </si>
  <si>
    <t>㈱モスト　代表取締役　眞下　博史</t>
  </si>
  <si>
    <t>373284</t>
  </si>
  <si>
    <t>上半期電気製品の購入について（９月分）</t>
  </si>
  <si>
    <t>365406</t>
  </si>
  <si>
    <t>上半期複写機用再生紙の購入について（９月分）</t>
  </si>
  <si>
    <t>400688</t>
  </si>
  <si>
    <t>上半期庁用消耗品購入代（９月分）</t>
  </si>
  <si>
    <t>407638</t>
  </si>
  <si>
    <t>消耗品（トイレットペーパー）購入代（９月分）</t>
  </si>
  <si>
    <t>422238</t>
  </si>
  <si>
    <t>消耗品（スライド式ＵＳＢメモリー）購入代</t>
  </si>
  <si>
    <t>452451</t>
  </si>
  <si>
    <t>491267</t>
  </si>
  <si>
    <t>消耗品（トイレットペーパー）購入代（10月分）</t>
  </si>
  <si>
    <t>506883</t>
  </si>
  <si>
    <t>消耗品（インクカートリッジほか）購入代（10月分）</t>
  </si>
  <si>
    <t>523871</t>
  </si>
  <si>
    <t>522882</t>
  </si>
  <si>
    <t>消耗品（トイレットペーパー）購入代（11月分）</t>
  </si>
  <si>
    <t>534185</t>
  </si>
  <si>
    <t>消耗品（スタッドレスタイヤ）購入代</t>
  </si>
  <si>
    <t>545942</t>
  </si>
  <si>
    <t>消耗品（卓上キャビネット）購入代</t>
  </si>
  <si>
    <t>573785</t>
  </si>
  <si>
    <t>消耗品（インクカートリッジほか）購入代（11月分）</t>
  </si>
  <si>
    <t>旭警察署</t>
  </si>
  <si>
    <t>360223</t>
  </si>
  <si>
    <t>上半期複写機用再生紙の購入　９月分</t>
  </si>
  <si>
    <t>372617</t>
  </si>
  <si>
    <t>トイレットペーパーの購入　９月分</t>
  </si>
  <si>
    <t>439169</t>
  </si>
  <si>
    <t>440585</t>
  </si>
  <si>
    <t>警察装備資機材開発改善コンクール出品作品消耗品代</t>
  </si>
  <si>
    <t>日本工機（株）　常務取締役営業本部長　佐藤　公之</t>
  </si>
  <si>
    <t>9010401022427</t>
  </si>
  <si>
    <t>461071</t>
  </si>
  <si>
    <t>消耗品（トイレットペーパーほか）購入代（10月分）</t>
  </si>
  <si>
    <t>496311</t>
  </si>
  <si>
    <t>消耗品（スリッパほか）購入代</t>
  </si>
  <si>
    <t>514519</t>
  </si>
  <si>
    <t>529955</t>
  </si>
  <si>
    <t>消耗品（ファイルボックスほか)購入代</t>
  </si>
  <si>
    <t>532613</t>
  </si>
  <si>
    <t>消耗品（パーツキャビネットほか）購入代</t>
  </si>
  <si>
    <t>株式会社ウチムラ　代表取締役　内村　浩史</t>
  </si>
  <si>
    <t>550200</t>
  </si>
  <si>
    <t>消耗品（トイレットペーパーほか）購入代（11月分）</t>
  </si>
  <si>
    <t>563820</t>
  </si>
  <si>
    <t>消耗品（カラープリンターほか）購入代</t>
  </si>
  <si>
    <t>瀬谷警察署</t>
  </si>
  <si>
    <t>365126</t>
  </si>
  <si>
    <t>インクボトル等の購入（９月分）について</t>
  </si>
  <si>
    <t>367154</t>
  </si>
  <si>
    <t>上半期複写機用再生紙の購入（９月分）について</t>
  </si>
  <si>
    <t>397489</t>
  </si>
  <si>
    <t>トイレットペーパーの購入（９月分）について</t>
  </si>
  <si>
    <t>413293</t>
  </si>
  <si>
    <t>ポリゴミ袋ほかの購入について</t>
  </si>
  <si>
    <t>421639</t>
  </si>
  <si>
    <t>衣類乾燥機及びスタンドの購入</t>
  </si>
  <si>
    <t>株式会社ヤマダ電機　横浜泉営業所　所長　佐久間　隆之</t>
  </si>
  <si>
    <t>430938</t>
  </si>
  <si>
    <t>株式会社マルハチ　代表取締役　八木　幹雄</t>
  </si>
  <si>
    <t>439097</t>
  </si>
  <si>
    <t>439869</t>
  </si>
  <si>
    <t>上半期複写機用再生紙の購入代（10月分）</t>
  </si>
  <si>
    <t>445269</t>
  </si>
  <si>
    <t>トイレットペーパーの購入代（10月分）</t>
  </si>
  <si>
    <t>464963</t>
  </si>
  <si>
    <t>デジタルカメラほかの購入代</t>
  </si>
  <si>
    <t>472997</t>
  </si>
  <si>
    <t>レフ球型ＬＥＤライトの購入代</t>
  </si>
  <si>
    <t>514912</t>
  </si>
  <si>
    <t>下半期複写機用再生紙の購入代（11月分）</t>
  </si>
  <si>
    <t>518215</t>
  </si>
  <si>
    <t>541515</t>
  </si>
  <si>
    <t>558418</t>
  </si>
  <si>
    <t>ダイヤル式キーボックスほかの購入代</t>
  </si>
  <si>
    <t>582533</t>
  </si>
  <si>
    <t>道路地図ほかの購入代</t>
  </si>
  <si>
    <t>栄警察署</t>
  </si>
  <si>
    <t>362675</t>
  </si>
  <si>
    <t>上半期複写機用再生紙の購入</t>
  </si>
  <si>
    <t>374642</t>
  </si>
  <si>
    <t>トイレットペーパーの購入</t>
  </si>
  <si>
    <t>380565</t>
  </si>
  <si>
    <t>消耗品（ホワイトボードほか）の購入代</t>
  </si>
  <si>
    <t>385102</t>
  </si>
  <si>
    <t>速度測定機用照準棒の購入</t>
  </si>
  <si>
    <t>385298</t>
  </si>
  <si>
    <t>消耗品（デジタルカメラほか）の購入代</t>
  </si>
  <si>
    <t>390110</t>
  </si>
  <si>
    <t>ゴム印の購入</t>
  </si>
  <si>
    <t>スワ印房　代表　諏訪　吉秋</t>
  </si>
  <si>
    <t>436166</t>
  </si>
  <si>
    <t>445223</t>
  </si>
  <si>
    <t>464555</t>
  </si>
  <si>
    <t>消耗品（ＳＤカードほか）購入代</t>
  </si>
  <si>
    <t>485185</t>
  </si>
  <si>
    <t>消耗品（南京錠等）購入代</t>
  </si>
  <si>
    <t>510401</t>
  </si>
  <si>
    <t>512755</t>
  </si>
  <si>
    <t>スタッドレスタイヤ等購入及び取付代</t>
  </si>
  <si>
    <t>㈱河村タイヤ　代表取締役　長谷川　和夫</t>
  </si>
  <si>
    <t>9020001000121</t>
  </si>
  <si>
    <t>520307</t>
  </si>
  <si>
    <t>521390</t>
  </si>
  <si>
    <t>表彰副賞品購入代</t>
  </si>
  <si>
    <t>有限会社　ユニオン服装　取締役社長　星野　一巨</t>
  </si>
  <si>
    <t>1013302010532</t>
  </si>
  <si>
    <t>525573</t>
  </si>
  <si>
    <t>消耗品（ＰＧＳ－ＷＯＲＭカード）購入代</t>
  </si>
  <si>
    <t>株式会社ＰＧＳ　代表取締役　石橋　和典</t>
  </si>
  <si>
    <t>9020001077259</t>
  </si>
  <si>
    <t>527569</t>
  </si>
  <si>
    <t>消耗品（車両用）購入代</t>
  </si>
  <si>
    <t>神奈中商事　取締役社長　小澤　斉</t>
  </si>
  <si>
    <t>1021001037912</t>
  </si>
  <si>
    <t>563722</t>
  </si>
  <si>
    <t>消耗品（板目表紙等）購入代</t>
  </si>
  <si>
    <t>579156</t>
  </si>
  <si>
    <t>消耗品（ハードディスク等）購入代</t>
  </si>
  <si>
    <t>川崎警察署</t>
  </si>
  <si>
    <t>360493</t>
  </si>
  <si>
    <t>ロッカーの購入について</t>
  </si>
  <si>
    <t>373261</t>
  </si>
  <si>
    <t>有限会社　シオヤ文具　代表取締役　塩谷　竜一</t>
  </si>
  <si>
    <t>9020002097454</t>
  </si>
  <si>
    <t>375953</t>
  </si>
  <si>
    <t>平成３１年度上半期トイレットペーパーの購入について</t>
  </si>
  <si>
    <t>ニッパ　株式会社　代表取締役　秋本　りつ子</t>
  </si>
  <si>
    <t>383965</t>
  </si>
  <si>
    <t>平成３１年度上半期複写機用再生紙の購入について</t>
  </si>
  <si>
    <t>398608</t>
  </si>
  <si>
    <t>平成３１年度上半期パソコン周辺機器購入代について</t>
  </si>
  <si>
    <t>398954</t>
  </si>
  <si>
    <t>平成３１年度上半期事務用消耗品購入代について</t>
  </si>
  <si>
    <t>439631</t>
  </si>
  <si>
    <t>カビキラーほか購入代</t>
  </si>
  <si>
    <t>458775</t>
  </si>
  <si>
    <t>インクジェット複合機ほか購入代</t>
  </si>
  <si>
    <t>463069</t>
  </si>
  <si>
    <t>463651</t>
  </si>
  <si>
    <t>複写機用再生紙購入代</t>
  </si>
  <si>
    <t>487531</t>
  </si>
  <si>
    <t>タイヤチェーンほか購入代</t>
  </si>
  <si>
    <t>499324</t>
  </si>
  <si>
    <t>パソコン周辺機器購入代</t>
  </si>
  <si>
    <t>529364</t>
  </si>
  <si>
    <t>生理用品ほか購入代</t>
  </si>
  <si>
    <t>藤井薬局　管理薬剤師　藤井　篤範</t>
  </si>
  <si>
    <t>534021</t>
  </si>
  <si>
    <t>534618</t>
  </si>
  <si>
    <t>534526</t>
  </si>
  <si>
    <t>庁用消耗品購入代（11月分）</t>
  </si>
  <si>
    <t>545351</t>
  </si>
  <si>
    <t>事務用消耗品購入代（11月分）</t>
  </si>
  <si>
    <t>545610</t>
  </si>
  <si>
    <t>パソコン周辺機器購入代（11月分）</t>
  </si>
  <si>
    <t>547337</t>
  </si>
  <si>
    <t>ＦＡＸ感熱紙ほか購入代</t>
  </si>
  <si>
    <t>580140</t>
  </si>
  <si>
    <t>ボールペン購入代</t>
  </si>
  <si>
    <t>川崎臨港警察署</t>
  </si>
  <si>
    <t>405556</t>
  </si>
  <si>
    <t>複写機用再生紙の購入について（９月分）</t>
  </si>
  <si>
    <t>427430</t>
  </si>
  <si>
    <t>湯沸器の購入</t>
  </si>
  <si>
    <t>（株）ＫＧＭ　代表取締役　佐藤　秀行</t>
  </si>
  <si>
    <t>3020001085481</t>
  </si>
  <si>
    <t>429155</t>
  </si>
  <si>
    <t>（有）エーシーピー　ハンコ卸売センター川崎店　代表取締役　山本　和宏</t>
  </si>
  <si>
    <t>2020002101156</t>
  </si>
  <si>
    <t>431192</t>
  </si>
  <si>
    <t>オイルレベルゲージほかの購入ついて</t>
  </si>
  <si>
    <t>東邦自動車（株）　代表取締役　澁澤　善武</t>
  </si>
  <si>
    <t>5010801008310</t>
  </si>
  <si>
    <t>507586</t>
  </si>
  <si>
    <t>522088</t>
  </si>
  <si>
    <t>531844</t>
  </si>
  <si>
    <t>刑法犯認知件数表ほか購入代</t>
  </si>
  <si>
    <t>（株）川伸商会　代表取締役　早川　隆弘</t>
  </si>
  <si>
    <t>8020001072335</t>
  </si>
  <si>
    <t>562679</t>
  </si>
  <si>
    <t>ラミネートフィルムほか購入代</t>
  </si>
  <si>
    <t>（有）シオヤ文具　代表取締役　塩谷　竜一</t>
  </si>
  <si>
    <t>579918</t>
  </si>
  <si>
    <t>バイクカバーほか購入代</t>
  </si>
  <si>
    <t>中原警察署</t>
  </si>
  <si>
    <t>359820</t>
  </si>
  <si>
    <t>排水溝内蓋等の購入について</t>
  </si>
  <si>
    <t>372291</t>
  </si>
  <si>
    <t>庁用雑貨の購入（９月分）について</t>
  </si>
  <si>
    <t>376354</t>
  </si>
  <si>
    <t>平成31年度上半期複写機用再生紙の購入（９月分）について</t>
  </si>
  <si>
    <t>376850</t>
  </si>
  <si>
    <t>394618</t>
  </si>
  <si>
    <t>写真用紙等の購入（９月分）について</t>
  </si>
  <si>
    <t>（有）伊藤商店　代表取締役　伊藤　幸恵</t>
  </si>
  <si>
    <t>1020002080228</t>
  </si>
  <si>
    <t>412464</t>
  </si>
  <si>
    <t>バケツ石鹸の購入について</t>
  </si>
  <si>
    <t>（株）第一商会　代表取締役　増田　寛之</t>
  </si>
  <si>
    <t>421032</t>
  </si>
  <si>
    <t>京浜商事（株）　代表取締役　平田　照</t>
  </si>
  <si>
    <t>7020001069217</t>
  </si>
  <si>
    <t>448613</t>
  </si>
  <si>
    <t>写真用紙等の購入（10月分）について</t>
  </si>
  <si>
    <t>450774</t>
  </si>
  <si>
    <t>平成31年度下半期複写機用再生紙の購入（10月分）について</t>
  </si>
  <si>
    <t>452185</t>
  </si>
  <si>
    <t>庁用雑貨購入代（１０月分）</t>
  </si>
  <si>
    <t>458431</t>
  </si>
  <si>
    <t>回転印等の購入代</t>
  </si>
  <si>
    <t>504661</t>
  </si>
  <si>
    <t>スタッドレスタイヤ等の購入代</t>
  </si>
  <si>
    <t>（株）タイヤショップ千年　代表取締役社長　山下　正和</t>
  </si>
  <si>
    <t>6020001066529</t>
  </si>
  <si>
    <t>510672</t>
  </si>
  <si>
    <t>ツイン蛍光灯等の購入代</t>
  </si>
  <si>
    <t>（株）ヤマダ電機　川崎営業所　所長　真島　誠治</t>
  </si>
  <si>
    <t>523892</t>
  </si>
  <si>
    <t>平成31年度下半期複写機用紙の購入代</t>
  </si>
  <si>
    <t>523991</t>
  </si>
  <si>
    <t>庁用雑貨の購入代</t>
  </si>
  <si>
    <t>524202</t>
  </si>
  <si>
    <t>油汚れ洗剤等の購入代</t>
  </si>
  <si>
    <t>539141</t>
  </si>
  <si>
    <t>写真用紙等の購入代</t>
  </si>
  <si>
    <t>545773</t>
  </si>
  <si>
    <t>インクタンク等の購入代</t>
  </si>
  <si>
    <t>高津警察署</t>
  </si>
  <si>
    <t>376993</t>
  </si>
  <si>
    <t>インクカートリッジ等の購入　９月分</t>
  </si>
  <si>
    <t>いづみ文具（株）　代表取締役　橋本　一樹</t>
  </si>
  <si>
    <t>3020001065847</t>
  </si>
  <si>
    <t>377793</t>
  </si>
  <si>
    <t>平成31年度上半期　複写機用再生紙の購入（９月分）</t>
  </si>
  <si>
    <t>387796</t>
  </si>
  <si>
    <t>カーストッパーほかの購入</t>
  </si>
  <si>
    <t>399743</t>
  </si>
  <si>
    <t>シュレッダー専用オイルほかの購入</t>
  </si>
  <si>
    <t>400603</t>
  </si>
  <si>
    <t>ぞうきんほかの購入</t>
  </si>
  <si>
    <t>405173</t>
  </si>
  <si>
    <t>出湯管ほかの購入</t>
  </si>
  <si>
    <t>東京ガスライフバル川崎中原　東京ガスエネワーク（株）　代表取締役社長　小菅　政義</t>
  </si>
  <si>
    <t>7020001059234</t>
  </si>
  <si>
    <t>413298</t>
  </si>
  <si>
    <t>伸縮シューズラックほかの購入</t>
  </si>
  <si>
    <t>443920</t>
  </si>
  <si>
    <t>トイレットペ－パ－の購入（１０月分）</t>
  </si>
  <si>
    <t>446345</t>
  </si>
  <si>
    <t>平成31年度下半期　複写機用紙の購入（１０月分）</t>
  </si>
  <si>
    <t>447882</t>
  </si>
  <si>
    <t>インクカートリッジ等の購入　１０月分</t>
  </si>
  <si>
    <t>466047</t>
  </si>
  <si>
    <t>外付ハードディスクの購入</t>
  </si>
  <si>
    <t>株式会社ヤマダ電機　向ヶ丘営業所　所長　石橋　一晃</t>
  </si>
  <si>
    <t>481802</t>
  </si>
  <si>
    <t>スタッドレスタイヤ等の購入</t>
  </si>
  <si>
    <t>495011</t>
  </si>
  <si>
    <t>長イスの購入</t>
  </si>
  <si>
    <t>523625</t>
  </si>
  <si>
    <t>石油ベンジンの購入</t>
  </si>
  <si>
    <t>（株）アベバイオロジカルリサーチ　代表取締役　阿部　治</t>
  </si>
  <si>
    <t>5020001063725</t>
  </si>
  <si>
    <t>525398</t>
  </si>
  <si>
    <t>インクカートリッジ等の購入　１１月分</t>
  </si>
  <si>
    <t>545425</t>
  </si>
  <si>
    <t>カラーマルチペーパーほかの購入</t>
  </si>
  <si>
    <t>549404</t>
  </si>
  <si>
    <t>医薬品の購入</t>
  </si>
  <si>
    <t>日本調剤（株）日本調剤　溝口薬局　管理薬剤師　髙橋　裕美</t>
  </si>
  <si>
    <t>9010001064753</t>
  </si>
  <si>
    <t>556413</t>
  </si>
  <si>
    <t>液体せっけんほかの購入</t>
  </si>
  <si>
    <t>多摩警察署</t>
  </si>
  <si>
    <t>375654</t>
  </si>
  <si>
    <t>令和元年度　上半期複写機用再生紙購入（９月分）</t>
  </si>
  <si>
    <t>377003</t>
  </si>
  <si>
    <t>いづみ文具株式会社　代表取締役　橋本　一樹</t>
  </si>
  <si>
    <t>378436</t>
  </si>
  <si>
    <t>ゴミ袋ほかの購入（９月分）</t>
  </si>
  <si>
    <t>397793</t>
  </si>
  <si>
    <t>洗剤ほかの購入</t>
  </si>
  <si>
    <t>株式会社クスリのナカヤマ　代表取締役　中山　唱司</t>
  </si>
  <si>
    <t>3020001064031</t>
  </si>
  <si>
    <t>400154</t>
  </si>
  <si>
    <t>（有）加々美印章　代表取締役　加々美　登</t>
  </si>
  <si>
    <t>8020002092159</t>
  </si>
  <si>
    <t>419385</t>
  </si>
  <si>
    <t>消耗品(蛍光灯ほか)購入代</t>
  </si>
  <si>
    <t>442304</t>
  </si>
  <si>
    <t>消耗品(インクカートリッジほか)購入代(10月分)</t>
  </si>
  <si>
    <t>442857</t>
  </si>
  <si>
    <t>消耗品(緑茶ほか)購入代</t>
  </si>
  <si>
    <t>444277</t>
  </si>
  <si>
    <t>再生紙購入代(10月分)</t>
  </si>
  <si>
    <t>449651</t>
  </si>
  <si>
    <t>消耗品(ゴミ袋ほか)購入代(10月分)</t>
  </si>
  <si>
    <t>457129</t>
  </si>
  <si>
    <t>消耗品(ワックスほか)購入代</t>
  </si>
  <si>
    <t>480855</t>
  </si>
  <si>
    <t>495007</t>
  </si>
  <si>
    <t>消耗品(丸イスほか)購入代</t>
  </si>
  <si>
    <t>514752</t>
  </si>
  <si>
    <t>消耗品(インクカートリッジほか)購入代(11月分)</t>
  </si>
  <si>
    <t>520159</t>
  </si>
  <si>
    <t>複写機用再生紙購入代(11月分)</t>
  </si>
  <si>
    <t>525622</t>
  </si>
  <si>
    <t>車両用消耗品（ウィンド撥水コートほか）購入代</t>
  </si>
  <si>
    <t>株式会社　第一商会　代表取締役　増田　寛之</t>
  </si>
  <si>
    <t>529766</t>
  </si>
  <si>
    <t>560142</t>
  </si>
  <si>
    <t>消耗品(除草剤)購入代</t>
  </si>
  <si>
    <t>幸警察署</t>
  </si>
  <si>
    <t>383398</t>
  </si>
  <si>
    <t>複写機用再生紙購入代　９月分</t>
  </si>
  <si>
    <t>383453</t>
  </si>
  <si>
    <t>385289</t>
  </si>
  <si>
    <t>ホワイトボードほかの購入</t>
  </si>
  <si>
    <t>388987</t>
  </si>
  <si>
    <t>事務用消耗品の購入　９月分</t>
  </si>
  <si>
    <t>（有）伊藤商店　代表取締役　伊藤幸恵</t>
  </si>
  <si>
    <t>400588</t>
  </si>
  <si>
    <t>デジタルカメラの購入</t>
  </si>
  <si>
    <t>403449</t>
  </si>
  <si>
    <t>インクカートリッジほかの購入　９月分</t>
  </si>
  <si>
    <t>エイコウビジネス　株式会社　代表取締役　永井　好久</t>
  </si>
  <si>
    <t>408690</t>
  </si>
  <si>
    <t>鍵の購入</t>
  </si>
  <si>
    <t>有限会社ロックセキュリティムラマツ　代表取締役　村松　一也</t>
  </si>
  <si>
    <t>8021002008484</t>
  </si>
  <si>
    <t>409164</t>
  </si>
  <si>
    <t>電気製品等の購入　９月分</t>
  </si>
  <si>
    <t>441558</t>
  </si>
  <si>
    <t>442722</t>
  </si>
  <si>
    <t>446786</t>
  </si>
  <si>
    <t>449555</t>
  </si>
  <si>
    <t>鍵の購入代</t>
  </si>
  <si>
    <t>477674</t>
  </si>
  <si>
    <t>ミニロッカーの購入代</t>
  </si>
  <si>
    <t>528705</t>
  </si>
  <si>
    <t>529151</t>
  </si>
  <si>
    <t>写真用紙等購入代（11月分）</t>
  </si>
  <si>
    <t>539845</t>
  </si>
  <si>
    <t>タイヤチェーン購入代</t>
  </si>
  <si>
    <t>株式会社第一商会　代表取締役　増田　寛之</t>
  </si>
  <si>
    <t>563841</t>
  </si>
  <si>
    <t>ＬＥＤポータライト購入代</t>
  </si>
  <si>
    <t>株式会社ポータ工業　代表取締役　後藤　恒男</t>
  </si>
  <si>
    <t>3010601015442</t>
  </si>
  <si>
    <t>横須賀警察署</t>
  </si>
  <si>
    <t>374510</t>
  </si>
  <si>
    <t>（株）よしかわオフィス　代表取締役　吉川　文憲</t>
  </si>
  <si>
    <t>4021001041291</t>
  </si>
  <si>
    <t>374526</t>
  </si>
  <si>
    <t>日洋物産（株）　代表取締役　加藤　建雄</t>
  </si>
  <si>
    <t>388590</t>
  </si>
  <si>
    <t>（有）山仙商店　代表取締役　山田　公一</t>
  </si>
  <si>
    <t>2021002067445</t>
  </si>
  <si>
    <t>411560</t>
  </si>
  <si>
    <t>緊急調達等対応に係る資金前渡（11月分）</t>
  </si>
  <si>
    <t>413297</t>
  </si>
  <si>
    <t>パトライト等の購入について</t>
  </si>
  <si>
    <t>414378</t>
  </si>
  <si>
    <t>SDカードほかの購入</t>
  </si>
  <si>
    <t>449381</t>
  </si>
  <si>
    <t>トイレットペーパー等の購入代(10月分）</t>
  </si>
  <si>
    <t>449688</t>
  </si>
  <si>
    <t>令和元年度下半期複写機用再生紙の購入代(10月分)</t>
  </si>
  <si>
    <t>466561</t>
  </si>
  <si>
    <t>玄関マット他の購入代</t>
  </si>
  <si>
    <t>（株）平川商店　代表取締役　平川　誠一郎</t>
  </si>
  <si>
    <t>3021001040988</t>
  </si>
  <si>
    <t>489691</t>
  </si>
  <si>
    <t>緊急調達等の対応に係る資金前渡（12月分）</t>
  </si>
  <si>
    <t>531811</t>
  </si>
  <si>
    <t>540415</t>
  </si>
  <si>
    <t>令和元年度下半期複写機用再生紙の購入代（11月分）</t>
  </si>
  <si>
    <t>570428</t>
  </si>
  <si>
    <t>インクタンク等の購入代（11月分）</t>
  </si>
  <si>
    <t>株式会社　山星船具店　代表取締役　阿部　一也</t>
  </si>
  <si>
    <t>6021001043518</t>
  </si>
  <si>
    <t>570565</t>
  </si>
  <si>
    <t>緊急調達等の対応に係る資金前渡（１月分）</t>
  </si>
  <si>
    <t>573257</t>
  </si>
  <si>
    <t>乾電池ほかの購入代（11月分）</t>
  </si>
  <si>
    <t>（株）スセキ電気商会　代表取締役　栖関　泰宏</t>
  </si>
  <si>
    <t>3021001040600</t>
  </si>
  <si>
    <t>582975</t>
  </si>
  <si>
    <t>ホワイトボード他の購入代</t>
  </si>
  <si>
    <t>584425</t>
  </si>
  <si>
    <t>湘南タイヤ株式会社　代表取締役　伊藤　洋明</t>
  </si>
  <si>
    <t>5021001040549</t>
  </si>
  <si>
    <t>田浦警察署</t>
  </si>
  <si>
    <t>370086</t>
  </si>
  <si>
    <t>SDHCカード等の購入（９月分）</t>
  </si>
  <si>
    <t>370108</t>
  </si>
  <si>
    <t>439842</t>
  </si>
  <si>
    <t>下半期複写機用再生紙の購入代（10月分）</t>
  </si>
  <si>
    <t>445217</t>
  </si>
  <si>
    <t>SDHCカード等の購入代（10月分）</t>
  </si>
  <si>
    <t>453370</t>
  </si>
  <si>
    <t>事務用消耗品の購入代</t>
  </si>
  <si>
    <t>513814</t>
  </si>
  <si>
    <t>庁用消耗品の購入代</t>
  </si>
  <si>
    <t>518193</t>
  </si>
  <si>
    <t>528565</t>
  </si>
  <si>
    <t>オートバックス横須賀中央店　店長　松田　健</t>
  </si>
  <si>
    <t>531858</t>
  </si>
  <si>
    <t>赤液棒状温度計の購入代</t>
  </si>
  <si>
    <t>日洋物産　株式会社　代表取締役　加藤　建雄</t>
  </si>
  <si>
    <t>浦賀警察署</t>
  </si>
  <si>
    <t>404500</t>
  </si>
  <si>
    <t>ばんそうこうほかの購入について</t>
  </si>
  <si>
    <t>436979</t>
  </si>
  <si>
    <t>トイレットペーパー等の購入（10月分）</t>
  </si>
  <si>
    <t>444273</t>
  </si>
  <si>
    <t>460257</t>
  </si>
  <si>
    <t>インクタンク等の購入（10月分）</t>
  </si>
  <si>
    <t>477766</t>
  </si>
  <si>
    <t>507731</t>
  </si>
  <si>
    <t>ＢＭチリトリほかの購入</t>
  </si>
  <si>
    <t>515946</t>
  </si>
  <si>
    <t>インクタンク等の購入（11月分）</t>
  </si>
  <si>
    <t>516075</t>
  </si>
  <si>
    <t>複写機用再生紙の購入（11月分）</t>
  </si>
  <si>
    <t>519925</t>
  </si>
  <si>
    <t>デスクトレーほかの購入</t>
  </si>
  <si>
    <t>520522</t>
  </si>
  <si>
    <t>白灯油の購入（11月分）</t>
  </si>
  <si>
    <t>（有）井出石油　代表取締役　井出　城二郎</t>
  </si>
  <si>
    <t>4021002062808</t>
  </si>
  <si>
    <t>561412</t>
  </si>
  <si>
    <t>卓上名札（三角塔）の購入</t>
  </si>
  <si>
    <t>566176</t>
  </si>
  <si>
    <t>新聞の購入</t>
  </si>
  <si>
    <t>ＡＳＡ久里浜　所長　増田　太地</t>
  </si>
  <si>
    <t>三崎警察署</t>
  </si>
  <si>
    <t>367140</t>
  </si>
  <si>
    <t>379006</t>
  </si>
  <si>
    <t>アルミポールほかの購入</t>
  </si>
  <si>
    <t>428319</t>
  </si>
  <si>
    <t>ＵＳＢメモリほかの購入</t>
  </si>
  <si>
    <t>（株）ヤマダ電機　横須賀営業所　所長　植田　大樹</t>
  </si>
  <si>
    <t>440331</t>
  </si>
  <si>
    <t>482748</t>
  </si>
  <si>
    <t>516184</t>
  </si>
  <si>
    <t>537242</t>
  </si>
  <si>
    <t>（株）マツザキ　代表取締役　松崎　健二郎</t>
  </si>
  <si>
    <t>5021001043493</t>
  </si>
  <si>
    <t>538605</t>
  </si>
  <si>
    <t>写真用紙ほかの購入代</t>
  </si>
  <si>
    <t>555744</t>
  </si>
  <si>
    <t>城ヶ島駐在所給湯器更新代</t>
  </si>
  <si>
    <t>（株）ザ・トーカイ　三浦営業所　所長　田中　威</t>
  </si>
  <si>
    <t>7080001001735</t>
  </si>
  <si>
    <t>562732</t>
  </si>
  <si>
    <t>トイレットペーパーほかの購入代</t>
  </si>
  <si>
    <t>567184</t>
  </si>
  <si>
    <t>署長表彰副賞品の購入代</t>
  </si>
  <si>
    <t>葉山警察署</t>
  </si>
  <si>
    <t>370592</t>
  </si>
  <si>
    <t>374957</t>
  </si>
  <si>
    <t>試薬ラベルの購入</t>
  </si>
  <si>
    <t>株式会社　佐々木シール製作所　代表取締役　佐々木　龍二</t>
  </si>
  <si>
    <t>8020001017463</t>
  </si>
  <si>
    <t>441305</t>
  </si>
  <si>
    <t>470186</t>
  </si>
  <si>
    <t>消耗品(インクカートリッジ)購入代</t>
  </si>
  <si>
    <t>484921</t>
  </si>
  <si>
    <t>消耗品（電球ほか）購入代</t>
  </si>
  <si>
    <t>523560</t>
  </si>
  <si>
    <t>559575</t>
  </si>
  <si>
    <t>消耗品(手袋)購入代</t>
  </si>
  <si>
    <t>株式会社　ジェイウィン　代表取締役　後藤　勝</t>
  </si>
  <si>
    <t>573330</t>
  </si>
  <si>
    <t>ルームクーラーの購入代</t>
  </si>
  <si>
    <t>581819</t>
  </si>
  <si>
    <t>消耗品（ファスナー連結パネルほか)購入代</t>
  </si>
  <si>
    <t>584871</t>
  </si>
  <si>
    <t>消耗品(タンポポマットほか)購入代</t>
  </si>
  <si>
    <t>逗子警察署</t>
  </si>
  <si>
    <t>370478</t>
  </si>
  <si>
    <t>平成31年度上半期複写機用再生紙購入（９月分）</t>
  </si>
  <si>
    <t>382061</t>
  </si>
  <si>
    <t>434658</t>
  </si>
  <si>
    <t>有限会社　佐藤薬局　代表取締役　佐藤周一</t>
  </si>
  <si>
    <t>441828</t>
  </si>
  <si>
    <t>510949</t>
  </si>
  <si>
    <t>520525</t>
  </si>
  <si>
    <t>538774</t>
  </si>
  <si>
    <t>写真用紙等購入代</t>
  </si>
  <si>
    <t>539367</t>
  </si>
  <si>
    <t>546702</t>
  </si>
  <si>
    <t>養生用テープ等の購入代</t>
  </si>
  <si>
    <t>571564</t>
  </si>
  <si>
    <t>逗子ハイランド駐在所給湯器購入代</t>
  </si>
  <si>
    <t>中央セントラルガス（株）横須賀営業所　所長　坂入　康裕</t>
  </si>
  <si>
    <t>5010001078261</t>
  </si>
  <si>
    <t>鎌倉警察署</t>
  </si>
  <si>
    <t>364590</t>
  </si>
  <si>
    <t>食器用洗剤等の購入について（９月分）</t>
  </si>
  <si>
    <t>364669</t>
  </si>
  <si>
    <t>376152</t>
  </si>
  <si>
    <t>381099</t>
  </si>
  <si>
    <t>胴付長の購入について</t>
  </si>
  <si>
    <t>451159</t>
  </si>
  <si>
    <t>医薬品の購入について</t>
  </si>
  <si>
    <t>株式会社　大島薬局　代表取締役　大島　崇弘</t>
  </si>
  <si>
    <t>9021001000350</t>
  </si>
  <si>
    <t>453825</t>
  </si>
  <si>
    <t>インクフィルム等の購入について</t>
  </si>
  <si>
    <t>477397</t>
  </si>
  <si>
    <t>MicroSDXCカードの購入について</t>
  </si>
  <si>
    <t>515727</t>
  </si>
  <si>
    <t>株式会社吉澤石油店　代表取締役　吉澤　昇</t>
  </si>
  <si>
    <t>5021001043527</t>
  </si>
  <si>
    <t>521197</t>
  </si>
  <si>
    <t>複写機用紙の購入代（11月分）</t>
  </si>
  <si>
    <t>527689</t>
  </si>
  <si>
    <t>ＵＳＢメモリ等の購入代（11月分）</t>
  </si>
  <si>
    <t>528393</t>
  </si>
  <si>
    <t>メガホンの購入代</t>
  </si>
  <si>
    <t>（株）野地電機　代表取締役社長　野地　雅人</t>
  </si>
  <si>
    <t>4021001033900</t>
  </si>
  <si>
    <t>573157</t>
  </si>
  <si>
    <t>ゴミ箱ペール等の購入代</t>
  </si>
  <si>
    <t>大船警察署</t>
  </si>
  <si>
    <t>374437</t>
  </si>
  <si>
    <t>平成31年度上半期複写機用再生紙の購入について（９月分）</t>
  </si>
  <si>
    <t>375615</t>
  </si>
  <si>
    <t>ゴム印他の購入について</t>
  </si>
  <si>
    <t>378732</t>
  </si>
  <si>
    <t>380637</t>
  </si>
  <si>
    <t>清掃用品等の購入（９月分）</t>
  </si>
  <si>
    <t>390030</t>
  </si>
  <si>
    <t>インク等の購入（９月分）</t>
  </si>
  <si>
    <t>417467</t>
  </si>
  <si>
    <t>消耗品(便ふた組品)購入代</t>
  </si>
  <si>
    <t>ホクリョウ住設（株）　代表取締役　永田　直敏</t>
  </si>
  <si>
    <t>3021001045186</t>
  </si>
  <si>
    <t>431231</t>
  </si>
  <si>
    <t>ワントラップワン他の購入について</t>
  </si>
  <si>
    <t>435511</t>
  </si>
  <si>
    <t>消耗品(清掃用品等)購入代（10月分）</t>
  </si>
  <si>
    <t>442441</t>
  </si>
  <si>
    <t>消耗品(トイレットペーパー)購入代（10月分）</t>
  </si>
  <si>
    <t>443178</t>
  </si>
  <si>
    <t>消耗品(複写機用再生紙)購入代（10月分）</t>
  </si>
  <si>
    <t>461132</t>
  </si>
  <si>
    <t>消耗品(インクほか)購入代（10月分）</t>
  </si>
  <si>
    <t>472491</t>
  </si>
  <si>
    <t>486962</t>
  </si>
  <si>
    <t>消耗品(デジタルカメラバッテリー)購入代</t>
  </si>
  <si>
    <t>（株）エムエデュケーション　代表取締役　藤井　津洋志</t>
  </si>
  <si>
    <t>5020002063220</t>
  </si>
  <si>
    <t>516121</t>
  </si>
  <si>
    <t>消耗品(スタッドレスタイヤ)購入代</t>
  </si>
  <si>
    <t>有限会社　兵藤商亊　代表取締役　兵藤　忠洋</t>
  </si>
  <si>
    <t>1021002015462</t>
  </si>
  <si>
    <t>522993</t>
  </si>
  <si>
    <t>消耗品(複写機用再生紙)購入代（11月分）</t>
  </si>
  <si>
    <t>534666</t>
  </si>
  <si>
    <t>消耗品(チェーンほか)購入代</t>
  </si>
  <si>
    <t>565949</t>
  </si>
  <si>
    <t>消耗品(レバーハンドルほか)購入代</t>
  </si>
  <si>
    <t>566178</t>
  </si>
  <si>
    <t>消耗品（ファクスほか）購入代</t>
  </si>
  <si>
    <t>（株）ヤマダ電機横浜金沢営業所　所長　原田　和典</t>
  </si>
  <si>
    <t>571557</t>
  </si>
  <si>
    <t>消耗品(インクほか)購入代（11月分）</t>
  </si>
  <si>
    <t>藤沢警察署</t>
  </si>
  <si>
    <t>375617</t>
  </si>
  <si>
    <t>９月分トイレットペーパー等の購入</t>
  </si>
  <si>
    <t>382098</t>
  </si>
  <si>
    <t>複写機用再生紙の購入　９月分</t>
  </si>
  <si>
    <t>（株）田中紙店　代表取締役　田中　耕一</t>
  </si>
  <si>
    <t>4021001036944</t>
  </si>
  <si>
    <t>391581</t>
  </si>
  <si>
    <t>９月分インクタンク等の購入</t>
  </si>
  <si>
    <t>（有）高橋紙店　代表取締役　高橋　宏輔</t>
  </si>
  <si>
    <t>400984</t>
  </si>
  <si>
    <t>生活ギフトの購入</t>
  </si>
  <si>
    <t>401561</t>
  </si>
  <si>
    <t>９月分トイレットペーパーの購入</t>
  </si>
  <si>
    <t>410791</t>
  </si>
  <si>
    <t>養生用テープ等の購入</t>
  </si>
  <si>
    <t>422756</t>
  </si>
  <si>
    <t>消耗品等購入経費（10月分）</t>
  </si>
  <si>
    <t>427540</t>
  </si>
  <si>
    <t>事務用品等の購入</t>
  </si>
  <si>
    <t>427596</t>
  </si>
  <si>
    <t>排水溝内トラップ等の購入</t>
  </si>
  <si>
    <t>（有）工匠　代表取締役　小河　静雄</t>
  </si>
  <si>
    <t>6021002001771</t>
  </si>
  <si>
    <t>431005</t>
  </si>
  <si>
    <t>日欧事務機（株）　営業部長　小林　治</t>
  </si>
  <si>
    <t>439479</t>
  </si>
  <si>
    <t>消耗品（プリンター等）購入代</t>
  </si>
  <si>
    <t>（株）ヤマダ電機　茅ヶ崎営業所　所長　古別府　達也</t>
  </si>
  <si>
    <t>443394</t>
  </si>
  <si>
    <t>備品（ルームクーラー）購入代</t>
  </si>
  <si>
    <t>449104</t>
  </si>
  <si>
    <t>（有）やなぎや　代表取締役　神保　敏由</t>
  </si>
  <si>
    <t>3021002012598</t>
  </si>
  <si>
    <t>449627</t>
  </si>
  <si>
    <t>455624</t>
  </si>
  <si>
    <t>（有）平川タイヤサービス　代表取締役　平川　慶麿</t>
  </si>
  <si>
    <t>7021002004138</t>
  </si>
  <si>
    <t>466594</t>
  </si>
  <si>
    <t>消耗品（給湯器）購入代</t>
  </si>
  <si>
    <t>東京ガスエネワーク（株）ライフバル湘南藤沢店　代表取締役社長　小菅　政義</t>
  </si>
  <si>
    <t>486261</t>
  </si>
  <si>
    <t>消耗品（印画紙ほか）購入代（10月分）</t>
  </si>
  <si>
    <t>491373</t>
  </si>
  <si>
    <t>消耗品等購入経費（12月分）</t>
  </si>
  <si>
    <t>507102</t>
  </si>
  <si>
    <t>消耗品（洗剤ほか）購入代</t>
  </si>
  <si>
    <t>（有）嶺松　代表取締役　松永　勝</t>
  </si>
  <si>
    <t>8021002012222</t>
  </si>
  <si>
    <t>518532</t>
  </si>
  <si>
    <t>消耗品（丸付矢印シールほか）購入代</t>
  </si>
  <si>
    <t>518781</t>
  </si>
  <si>
    <t>519377</t>
  </si>
  <si>
    <t>消耗品（マラブハケほか）購入代</t>
  </si>
  <si>
    <t>（株）科学装備研究所　代表取締役　松本　昭彦</t>
  </si>
  <si>
    <t>520256</t>
  </si>
  <si>
    <t>消耗品（灯油用ポリタンクほか）購入代</t>
  </si>
  <si>
    <t>ロイヤルホームセンター藤沢　店長　吉川　康裕</t>
  </si>
  <si>
    <t>2120001072223</t>
  </si>
  <si>
    <t>524238</t>
  </si>
  <si>
    <t>消耗品（医薬品ほか）購入代</t>
  </si>
  <si>
    <t>（株）大島薬局　代表取締役　大島　崇弘</t>
  </si>
  <si>
    <t>528664</t>
  </si>
  <si>
    <t>消耗品（印画紙ほか）購入代（11月分）</t>
  </si>
  <si>
    <t>530072</t>
  </si>
  <si>
    <t>消耗品（賞状額ほか）購入代</t>
  </si>
  <si>
    <t>532117</t>
  </si>
  <si>
    <t>551108</t>
  </si>
  <si>
    <t>（有）扇矢　代表取締役　亀井　茂</t>
  </si>
  <si>
    <t>6021002057079</t>
  </si>
  <si>
    <t>581022</t>
  </si>
  <si>
    <t>消耗品（温水洗浄便座）購入代</t>
  </si>
  <si>
    <t>松浦商会　代表　松浦　功容</t>
  </si>
  <si>
    <t>581876</t>
  </si>
  <si>
    <t>消耗品（つい立等）購入代</t>
  </si>
  <si>
    <t>581885</t>
  </si>
  <si>
    <t>消耗品（ファイル等）購入代</t>
  </si>
  <si>
    <t>茅ヶ崎警察署</t>
  </si>
  <si>
    <t>367824</t>
  </si>
  <si>
    <t>平成31年度上半期複写機用再生紙の購入　９月分</t>
  </si>
  <si>
    <t>368199</t>
  </si>
  <si>
    <t>事務用消耗品の購入（９月）</t>
  </si>
  <si>
    <t>369031</t>
  </si>
  <si>
    <t>庁用消耗品の購入　９月分</t>
  </si>
  <si>
    <t>374554</t>
  </si>
  <si>
    <t>スポンジほかの購入</t>
  </si>
  <si>
    <t>株式会社　神奈中商事　取締役社長　小澤　斉</t>
  </si>
  <si>
    <t>395371</t>
  </si>
  <si>
    <t>インクカートリッジ（リサイクル）ほかの購入　９月分</t>
  </si>
  <si>
    <t>有限会社　高橋紙店　代表取締役　高橋　宏輔</t>
  </si>
  <si>
    <t>437921</t>
  </si>
  <si>
    <t>事務用消耗品の購入（１０月分）</t>
  </si>
  <si>
    <t>447775</t>
  </si>
  <si>
    <t>庁用消耗品の購入　１０月分</t>
  </si>
  <si>
    <t>450288</t>
  </si>
  <si>
    <t>令和元年度下半期複写機用再生紙の購入１０月分</t>
  </si>
  <si>
    <t>480203</t>
  </si>
  <si>
    <t>養生用テープほかの購入</t>
  </si>
  <si>
    <t>490787</t>
  </si>
  <si>
    <t>プリンターほかの購入</t>
  </si>
  <si>
    <t>505085</t>
  </si>
  <si>
    <t>株式会社　藤沢ロックセンター　代表取締役　西田　勝栄</t>
  </si>
  <si>
    <t>8021001002026</t>
  </si>
  <si>
    <t>524801</t>
  </si>
  <si>
    <t>525185</t>
  </si>
  <si>
    <t>531475</t>
  </si>
  <si>
    <t>582970</t>
  </si>
  <si>
    <t>車椅子ほかの購入代</t>
  </si>
  <si>
    <t>有限会社　稲元薬局　代表取締役　今井　裕久</t>
  </si>
  <si>
    <t>3021002056843</t>
  </si>
  <si>
    <t>平塚警察署</t>
  </si>
  <si>
    <t>372154</t>
  </si>
  <si>
    <t>アルカリ乾電池ほかの購入９月分の支払いについて</t>
  </si>
  <si>
    <t>有限会社　扇矢　代表取締役　亀井　茂</t>
  </si>
  <si>
    <t>372699</t>
  </si>
  <si>
    <t>平成31年度上半期 印画紙ほかの購入９月分の支払いについて</t>
  </si>
  <si>
    <t>374653</t>
  </si>
  <si>
    <t>平成31年度上半期 複写機用再生紙の購入９月分の支払いについて</t>
  </si>
  <si>
    <t>379853</t>
  </si>
  <si>
    <t>平成31年度上半期ゴミ袋ほかの購入９月分の支払いについて</t>
  </si>
  <si>
    <t>有限会社高橋紙店　代表取締役　高橋宏輔</t>
  </si>
  <si>
    <t>408986</t>
  </si>
  <si>
    <t>消耗品購入（11月分）</t>
  </si>
  <si>
    <t>423082</t>
  </si>
  <si>
    <t>ガソリン携行缶ほかの購入</t>
  </si>
  <si>
    <t>432087</t>
  </si>
  <si>
    <t>賞状額等の購入代</t>
  </si>
  <si>
    <t>442389</t>
  </si>
  <si>
    <t>デジタルカメラ用バッテリーの購入代</t>
  </si>
  <si>
    <t>有限会社伊勢万　代表取締役　鈴木　伸好</t>
  </si>
  <si>
    <t>451155</t>
  </si>
  <si>
    <t>複写機用再生紙の購入代(10月分)</t>
  </si>
  <si>
    <t>有限会社やなぎや　代表取締役　神保敏由</t>
  </si>
  <si>
    <t>476459</t>
  </si>
  <si>
    <t>492820</t>
  </si>
  <si>
    <t>消耗品購入代（12月分）</t>
  </si>
  <si>
    <t>516107</t>
  </si>
  <si>
    <t>コードレス掃除機ほかの購入代</t>
  </si>
  <si>
    <t>516194</t>
  </si>
  <si>
    <t>メンディングテープほかの購入代</t>
  </si>
  <si>
    <t>518889</t>
  </si>
  <si>
    <t>印画紙ほかの購入代（11月分）</t>
  </si>
  <si>
    <t>525433</t>
  </si>
  <si>
    <t>532766</t>
  </si>
  <si>
    <t>チャッカマンほかの購入代</t>
  </si>
  <si>
    <t>559889</t>
  </si>
  <si>
    <t>四輪車両用スタッドレスタイヤ交換修理代</t>
  </si>
  <si>
    <t>（株）小島タイヤ商会　代表取締役　小島　良倉</t>
  </si>
  <si>
    <t>9021001036485</t>
  </si>
  <si>
    <t>562280</t>
  </si>
  <si>
    <t>消耗品購入（１月分）</t>
  </si>
  <si>
    <t>大磯警察署</t>
  </si>
  <si>
    <t>374568</t>
  </si>
  <si>
    <t>378227</t>
  </si>
  <si>
    <t>（株）島半　代表取締役　鈴木　子守氏</t>
  </si>
  <si>
    <t>3021001022573</t>
  </si>
  <si>
    <t>460875</t>
  </si>
  <si>
    <t>502014</t>
  </si>
  <si>
    <t>519334</t>
  </si>
  <si>
    <t>プリンターほか購入代</t>
  </si>
  <si>
    <t>526004</t>
  </si>
  <si>
    <t>528350</t>
  </si>
  <si>
    <t>庁用品(シャボネット石鹸液ほか）購入代</t>
  </si>
  <si>
    <t>528583</t>
  </si>
  <si>
    <t>事務用消耗品（ファイルほか）購入代</t>
  </si>
  <si>
    <t>543108</t>
  </si>
  <si>
    <t>574041</t>
  </si>
  <si>
    <t>対流型石油ストーブの購入代</t>
  </si>
  <si>
    <t>574163</t>
  </si>
  <si>
    <t>ＭＳシュレッダー等の購入代</t>
  </si>
  <si>
    <t>小田原警察署</t>
  </si>
  <si>
    <t>365934</t>
  </si>
  <si>
    <t>庁用消耗品の購入（上半期）</t>
  </si>
  <si>
    <t>（株）中商　代表取締役　田中　裕二</t>
  </si>
  <si>
    <t>1021001033894</t>
  </si>
  <si>
    <t>366018</t>
  </si>
  <si>
    <t>連続写真用紙等の購入（上半期）９月分</t>
  </si>
  <si>
    <t>（株）稲妻屋　代表取締役社長　里見　昌宏</t>
  </si>
  <si>
    <t>2021001032334</t>
  </si>
  <si>
    <t>366662</t>
  </si>
  <si>
    <t>平成３１年度上半期複写機用再生紙の購入　９月分</t>
  </si>
  <si>
    <t>（株）エンドー　代表取締役社長　遠藤　卓夫</t>
  </si>
  <si>
    <t>5021001033486</t>
  </si>
  <si>
    <t>387778</t>
  </si>
  <si>
    <t>（有）サンイヨ商事　代表取締役　伊與田　学</t>
  </si>
  <si>
    <t>7021002051824</t>
  </si>
  <si>
    <t>414835</t>
  </si>
  <si>
    <t>439705</t>
  </si>
  <si>
    <t>連続写真用紙等購入代（10月分）</t>
  </si>
  <si>
    <t>441691</t>
  </si>
  <si>
    <t>ナンバーリング用インクほか購入代</t>
  </si>
  <si>
    <t>451260</t>
  </si>
  <si>
    <t>490553</t>
  </si>
  <si>
    <t>車両消耗品購入代</t>
  </si>
  <si>
    <t>（株）湘南イエローハット　イエローハット小田原中里店　店長　二見　真司</t>
  </si>
  <si>
    <t>2021001022566</t>
  </si>
  <si>
    <t>497623</t>
  </si>
  <si>
    <t>乾電池購入代</t>
  </si>
  <si>
    <t>（有）ナカザト電器商会　代表取締役　伊達　寛</t>
  </si>
  <si>
    <t>3021002052644</t>
  </si>
  <si>
    <t>525735</t>
  </si>
  <si>
    <t>庁用消耗品購入代（下半期）</t>
  </si>
  <si>
    <t>529550</t>
  </si>
  <si>
    <t>連続写真用紙等購入代（下半期）（11月分）</t>
  </si>
  <si>
    <t>531633</t>
  </si>
  <si>
    <t>553419</t>
  </si>
  <si>
    <t>箱根町指定ゴミ袋購入代</t>
  </si>
  <si>
    <t>（有）齋藤商店　代表取締役　齊藤　成光</t>
  </si>
  <si>
    <t>5021002051818</t>
  </si>
  <si>
    <t>557905</t>
  </si>
  <si>
    <t>デッキブラシほかの購入代</t>
  </si>
  <si>
    <t>松田警察署</t>
  </si>
  <si>
    <t>362924</t>
  </si>
  <si>
    <t>トイレットペーパー等の購入　９月分の支払いについて</t>
  </si>
  <si>
    <t>363025</t>
  </si>
  <si>
    <t>平成31年度上半期複写機用再生紙の購入　９月分の支払いについて</t>
  </si>
  <si>
    <t>381410</t>
  </si>
  <si>
    <t>インクカートリッジ等の購入　９月分の支払いについて</t>
  </si>
  <si>
    <t>402626</t>
  </si>
  <si>
    <t>犬用ハーネスほかの購入について</t>
  </si>
  <si>
    <t>443969</t>
  </si>
  <si>
    <t>消耗品（除湿機ほか）購入代</t>
  </si>
  <si>
    <t>460339</t>
  </si>
  <si>
    <t>消耗品（印画紙ほか）購入代</t>
  </si>
  <si>
    <t>467435</t>
  </si>
  <si>
    <t>消耗品（カラビナほか）購入代</t>
  </si>
  <si>
    <t>521432</t>
  </si>
  <si>
    <t>545897</t>
  </si>
  <si>
    <t>横浜商工株式会社　代表取締役　河合　昭彦</t>
  </si>
  <si>
    <t>560246</t>
  </si>
  <si>
    <t>消耗品（庁用品）購入代</t>
  </si>
  <si>
    <t>秦野警察署</t>
  </si>
  <si>
    <t>372302</t>
  </si>
  <si>
    <t>９月分再生紙の購入</t>
  </si>
  <si>
    <t>467026</t>
  </si>
  <si>
    <t>被留置者用常備薬他の購入代</t>
  </si>
  <si>
    <t>十全堂㈱　代表取締役　大島　正</t>
  </si>
  <si>
    <t>1021001022583</t>
  </si>
  <si>
    <t>469051</t>
  </si>
  <si>
    <t>蛍光ランプ等の購入代</t>
  </si>
  <si>
    <t>499319</t>
  </si>
  <si>
    <t>鑑識用品他の購入代</t>
  </si>
  <si>
    <t>504897</t>
  </si>
  <si>
    <t>署長表彰（即賞）に伴う副賞購入代</t>
  </si>
  <si>
    <t>507990</t>
  </si>
  <si>
    <t>車両用洗車用品購入代</t>
  </si>
  <si>
    <t>（有）山口礦油店　代表取締役　山口　智久</t>
  </si>
  <si>
    <t>4021002038824</t>
  </si>
  <si>
    <t>527260</t>
  </si>
  <si>
    <t>再生紙の購入代（11月分）</t>
  </si>
  <si>
    <t>541092</t>
  </si>
  <si>
    <t>食器洗い石けんほかの購入代</t>
  </si>
  <si>
    <t>580121</t>
  </si>
  <si>
    <t>留置施設湯沸器購入代及び撤去代</t>
  </si>
  <si>
    <t>株式会社　奥村商会　代表取締役　奥村　繁</t>
  </si>
  <si>
    <t>9020001014451</t>
  </si>
  <si>
    <t>585300</t>
  </si>
  <si>
    <t>シュレッダー他の購入代</t>
  </si>
  <si>
    <t>伊勢原警察署</t>
  </si>
  <si>
    <t>378771</t>
  </si>
  <si>
    <t>平成３１年度上半期複写機用再生紙の調達について（９月分）</t>
  </si>
  <si>
    <t>385515</t>
  </si>
  <si>
    <t>ごみ袋ほかの購入</t>
  </si>
  <si>
    <t>389437</t>
  </si>
  <si>
    <t>接着剤ほかの購入</t>
  </si>
  <si>
    <t>403365</t>
  </si>
  <si>
    <t>439301</t>
  </si>
  <si>
    <t>（有）福岡ゴム工業所秦野営業所　所長　田中　利通</t>
  </si>
  <si>
    <t>8021002059420</t>
  </si>
  <si>
    <t>448715</t>
  </si>
  <si>
    <t>489679</t>
  </si>
  <si>
    <t>蛍光灯の購入代</t>
  </si>
  <si>
    <t>491164</t>
  </si>
  <si>
    <t>電気ポットほかの購入代</t>
  </si>
  <si>
    <t>（株）コジマＮＥＷ伊勢原店　店長　上田　智郁</t>
  </si>
  <si>
    <t>502005</t>
  </si>
  <si>
    <t>洗濯機用給水ホースの購入代</t>
  </si>
  <si>
    <t>（株）ヤマダ電機　平塚営業所　所長　佐藤　篤史</t>
  </si>
  <si>
    <t>502018</t>
  </si>
  <si>
    <t>ポリタンクほかの購入代</t>
  </si>
  <si>
    <t>523639</t>
  </si>
  <si>
    <t>洗濯機用継ぎ手の購入代</t>
  </si>
  <si>
    <t>524928</t>
  </si>
  <si>
    <t>545614</t>
  </si>
  <si>
    <t>ネームタッグほかの購入代</t>
  </si>
  <si>
    <t>547728</t>
  </si>
  <si>
    <t>電気ストーブほかの購入代</t>
  </si>
  <si>
    <t>579273</t>
  </si>
  <si>
    <t>厚木警察署</t>
  </si>
  <si>
    <t>365403</t>
  </si>
  <si>
    <t>平成31年度上半期　複写機用再生紙（県央）の購入について</t>
  </si>
  <si>
    <t>（有）北の台文具　代表取締役　齊藤　米夫</t>
  </si>
  <si>
    <t>7021002046188</t>
  </si>
  <si>
    <t>371930</t>
  </si>
  <si>
    <t>事務用消耗品の購入について</t>
  </si>
  <si>
    <t>380447</t>
  </si>
  <si>
    <t>電器雑貨の購入</t>
  </si>
  <si>
    <t>（有）ウエキ文具センター　代表取締役　植木　博一</t>
  </si>
  <si>
    <t>5021002040110</t>
  </si>
  <si>
    <t>380561</t>
  </si>
  <si>
    <t>庁用消耗品の購入について</t>
  </si>
  <si>
    <t>（有）鶴間金物店　代表取締役　西村　良樹</t>
  </si>
  <si>
    <t>3021002041688</t>
  </si>
  <si>
    <t>381766</t>
  </si>
  <si>
    <t>テプラテープほかの購入</t>
  </si>
  <si>
    <t>393319</t>
  </si>
  <si>
    <t>ＬＥＤランプの購入</t>
  </si>
  <si>
    <t>405897</t>
  </si>
  <si>
    <t>ブルーシートほかの購入</t>
  </si>
  <si>
    <t>（株）欧文社　代表取締役　中村　重雄</t>
  </si>
  <si>
    <t>1021001019514</t>
  </si>
  <si>
    <t>429878</t>
  </si>
  <si>
    <t>住宅地図の購入</t>
  </si>
  <si>
    <t>443369</t>
  </si>
  <si>
    <t>消耗品（事務用消耗品）購入代（10月分）</t>
  </si>
  <si>
    <t>446040</t>
  </si>
  <si>
    <t>消耗品（庁用消耗品）購入代（10月分）</t>
  </si>
  <si>
    <t>446275</t>
  </si>
  <si>
    <t>448455</t>
  </si>
  <si>
    <t>消耗品（電器雑貨）購入代（10月分）</t>
  </si>
  <si>
    <t>449453</t>
  </si>
  <si>
    <t>消耗品（ラベルほか）購入代</t>
  </si>
  <si>
    <t>458593</t>
  </si>
  <si>
    <t>（株）ＰＧＳ　代表取締役　石橋　和典</t>
  </si>
  <si>
    <t>459377</t>
  </si>
  <si>
    <t>消耗品（洗濯機）購入代</t>
  </si>
  <si>
    <t>株式会社ヤマダ電機厚木営業所　所長　鈴木　貴臣</t>
  </si>
  <si>
    <t>464035</t>
  </si>
  <si>
    <t>備品（湯沸器）購入代</t>
  </si>
  <si>
    <t>株式会社　トーエル　厚木営業所長　小澤　克巳</t>
  </si>
  <si>
    <t>2020001021033</t>
  </si>
  <si>
    <t>469086</t>
  </si>
  <si>
    <t>492879</t>
  </si>
  <si>
    <t>消耗品（スタッドレスタイヤほか）購入代</t>
  </si>
  <si>
    <t>（株）荒井タイヤ商会　代表取締役　荒井　貞雄</t>
  </si>
  <si>
    <t>1021001019357</t>
  </si>
  <si>
    <t>514903</t>
  </si>
  <si>
    <t>519595</t>
  </si>
  <si>
    <t>消耗品（車両用消耗品）購入代</t>
  </si>
  <si>
    <t>三徳部品株式会社　厚木営業所　所長　加藤　益弘</t>
  </si>
  <si>
    <t>9010401011462</t>
  </si>
  <si>
    <t>522999</t>
  </si>
  <si>
    <t>消耗品（電器雑貨）購入代（11月分）</t>
  </si>
  <si>
    <t>533472</t>
  </si>
  <si>
    <t>消耗品（胃薬ほか）購入代</t>
  </si>
  <si>
    <t>543017</t>
  </si>
  <si>
    <t>消耗品（庁用消耗品）購入代（11月分）</t>
  </si>
  <si>
    <t>547316</t>
  </si>
  <si>
    <t>消耗品（レターファイルほか）購入代</t>
  </si>
  <si>
    <t>559925</t>
  </si>
  <si>
    <t>備品（物置）購入代</t>
  </si>
  <si>
    <t>580727</t>
  </si>
  <si>
    <t>大和警察署</t>
  </si>
  <si>
    <t>360099</t>
  </si>
  <si>
    <t>油性ツインマーカーほかの購入について（９月分）</t>
  </si>
  <si>
    <t>361844</t>
  </si>
  <si>
    <t>平成31年度上半期複写機用再生紙購入について（９月分）</t>
  </si>
  <si>
    <t>372130</t>
  </si>
  <si>
    <t>372157</t>
  </si>
  <si>
    <t>蛍光ランプほかの購入について（９月分）</t>
  </si>
  <si>
    <t>ソニックエレクトロニクス株式会社　代表取締役　金山　正夫</t>
  </si>
  <si>
    <t>3021001015684</t>
  </si>
  <si>
    <t>379164</t>
  </si>
  <si>
    <t>ポリ袋ほか庁用品の購入について（９月分）</t>
  </si>
  <si>
    <t>405642</t>
  </si>
  <si>
    <t>レギュラーガソリン（チェンソー等用）の購入</t>
  </si>
  <si>
    <t>（有）笠間商店　代表取締役　笠間　正二郎</t>
  </si>
  <si>
    <t>3021002046126</t>
  </si>
  <si>
    <t>419337</t>
  </si>
  <si>
    <t>435446</t>
  </si>
  <si>
    <t>庁用品（残留塩素測定粉体試薬ほか）購入代</t>
  </si>
  <si>
    <t>435924</t>
  </si>
  <si>
    <t>電化製品購入代（10月分）</t>
  </si>
  <si>
    <t>436680</t>
  </si>
  <si>
    <t>436986</t>
  </si>
  <si>
    <t>消耗品（油性ツインマーカーほか）購入代（10月分）</t>
  </si>
  <si>
    <t>441174</t>
  </si>
  <si>
    <t>再生紙購入代（10月分）</t>
  </si>
  <si>
    <t>441290</t>
  </si>
  <si>
    <t>庁用品購入代（10月分）</t>
  </si>
  <si>
    <t>448532</t>
  </si>
  <si>
    <t>479056</t>
  </si>
  <si>
    <t>消耗品（電子体温計ほか）購入代</t>
  </si>
  <si>
    <t>（株）オダギリ　代表取締役　小田切　誠</t>
  </si>
  <si>
    <t>9021001025050</t>
  </si>
  <si>
    <t>509866</t>
  </si>
  <si>
    <t>再生紙購入代（11月分）</t>
  </si>
  <si>
    <t>513388</t>
  </si>
  <si>
    <t>電化製品購入代（11月分）</t>
  </si>
  <si>
    <t>513740</t>
  </si>
  <si>
    <t>消耗品（油性ツインマーカーほか）購入代（11月分）</t>
  </si>
  <si>
    <t>514693</t>
  </si>
  <si>
    <t>516947</t>
  </si>
  <si>
    <t>庁用品購入代（11月分）</t>
  </si>
  <si>
    <t>520251</t>
  </si>
  <si>
    <t>520384</t>
  </si>
  <si>
    <t>小型湯沸器購入代</t>
  </si>
  <si>
    <t>（株）関東液化瓦斯　代表取締役　池田　美佐子</t>
  </si>
  <si>
    <t>8021001025068</t>
  </si>
  <si>
    <t>530153</t>
  </si>
  <si>
    <t>（株）ＥＮＥＯＳウイング　関東第２支店　支店長　長島　史博</t>
  </si>
  <si>
    <t>6180001016088</t>
  </si>
  <si>
    <t>543005</t>
  </si>
  <si>
    <t>消耗品（ホワイトボードマーカーほか）購入代</t>
  </si>
  <si>
    <t>575073</t>
  </si>
  <si>
    <t>579769</t>
  </si>
  <si>
    <t>衣類乾燥機購入代</t>
  </si>
  <si>
    <t>株式会社ヤマダ電機　大和営業所　所長　高田　勇人</t>
  </si>
  <si>
    <t>相模原警察署</t>
  </si>
  <si>
    <t>367135</t>
  </si>
  <si>
    <t>上半期　複写機用再生紙の購入</t>
  </si>
  <si>
    <t>（株）ミリオン事務機器　代表取締役　吉野　賢治</t>
  </si>
  <si>
    <t>5021001016219</t>
  </si>
  <si>
    <t>367214</t>
  </si>
  <si>
    <t>株式会社　榎本商店　代表取締役　榎本　清</t>
  </si>
  <si>
    <t>8021001011456</t>
  </si>
  <si>
    <t>373953</t>
  </si>
  <si>
    <t>乾電池等の購入</t>
  </si>
  <si>
    <t>380891</t>
  </si>
  <si>
    <t>庁用品の購入</t>
  </si>
  <si>
    <t>有限会社　マサル商会　代表取締役　榎本　勝次</t>
  </si>
  <si>
    <t>2021002024289</t>
  </si>
  <si>
    <t>393298</t>
  </si>
  <si>
    <t>厚口マルチペーパーほかの購入</t>
  </si>
  <si>
    <t>395350</t>
  </si>
  <si>
    <t>ＣＤ－Ｒ等の購入</t>
  </si>
  <si>
    <t>395401</t>
  </si>
  <si>
    <t>ニトリルグローブ等の購入</t>
  </si>
  <si>
    <t>405636</t>
  </si>
  <si>
    <t>ＬＥＤ電球等の購入</t>
  </si>
  <si>
    <t>410223</t>
  </si>
  <si>
    <t>ＳＤカードファイルシート等の購入</t>
  </si>
  <si>
    <t>441928</t>
  </si>
  <si>
    <t>複写機用再生紙の購入（下半期）</t>
  </si>
  <si>
    <t>菊屋浦上商事株式会社　代表取締役　浦上　裕生</t>
  </si>
  <si>
    <t>1021001011776</t>
  </si>
  <si>
    <t>456004</t>
  </si>
  <si>
    <t>ＣＤ－Ｒ等の購入代</t>
  </si>
  <si>
    <t>487944</t>
  </si>
  <si>
    <t>510876</t>
  </si>
  <si>
    <t>510912</t>
  </si>
  <si>
    <t>複写機用再生紙の購入代（下半期)</t>
  </si>
  <si>
    <t>516373</t>
  </si>
  <si>
    <t>有限会社　公栄　取締役社長　伊藤　寛</t>
  </si>
  <si>
    <t>1021002019876</t>
  </si>
  <si>
    <t>523062</t>
  </si>
  <si>
    <t>庁用品の購入代</t>
  </si>
  <si>
    <t>533773</t>
  </si>
  <si>
    <t>クリップホルダーほかの購入代</t>
  </si>
  <si>
    <t>534265</t>
  </si>
  <si>
    <t>534370</t>
  </si>
  <si>
    <t>厚口マルチペーパーほかの購入代</t>
  </si>
  <si>
    <t>553806</t>
  </si>
  <si>
    <t>株式会社　美晶堂　代表取締役　藤原　賢三</t>
  </si>
  <si>
    <t>8021001013709</t>
  </si>
  <si>
    <t>562422</t>
  </si>
  <si>
    <t>デジタルカメラの購入代</t>
  </si>
  <si>
    <t>577259</t>
  </si>
  <si>
    <t>（株）鶴見商会　代表取締役　鶴見　千尋</t>
  </si>
  <si>
    <t>1021001013153</t>
  </si>
  <si>
    <t>相模原南警察署</t>
  </si>
  <si>
    <t>369331</t>
  </si>
  <si>
    <t>373713</t>
  </si>
  <si>
    <t>トイレットペーパー等の購入について（９月分）</t>
  </si>
  <si>
    <t>（有）マサル商会　代表取締役　榎本　勝次</t>
  </si>
  <si>
    <t>380618</t>
  </si>
  <si>
    <t>ワイヤー他の購入</t>
  </si>
  <si>
    <t>393687</t>
  </si>
  <si>
    <t>印画紙等の購入について（９月分）</t>
  </si>
  <si>
    <t>394159</t>
  </si>
  <si>
    <t>多機能ボールペン他の購入</t>
  </si>
  <si>
    <t>（株）ジムオール　代表取締役　関口　知明</t>
  </si>
  <si>
    <t>3021001012558</t>
  </si>
  <si>
    <t>408256</t>
  </si>
  <si>
    <t>オフィスチェアほかの購入</t>
  </si>
  <si>
    <t>438791</t>
  </si>
  <si>
    <t>443958</t>
  </si>
  <si>
    <t>トイレットペーパー等購入代（10月分）</t>
  </si>
  <si>
    <t>モミジヤ金物店　代表　秋葉　秀二</t>
  </si>
  <si>
    <t>459540</t>
  </si>
  <si>
    <t>印画紙等購入代（10月分）</t>
  </si>
  <si>
    <t>466662</t>
  </si>
  <si>
    <t>電動自転車用バッテリー購入代</t>
  </si>
  <si>
    <t>中央輪業　髙橋　雅史</t>
  </si>
  <si>
    <t>481876</t>
  </si>
  <si>
    <t>蛍光灯他購入代</t>
  </si>
  <si>
    <t>（有）光屋金物店　代表取締役　森光　雄一郎</t>
  </si>
  <si>
    <t>9021002023532</t>
  </si>
  <si>
    <t>485268</t>
  </si>
  <si>
    <t>ビニール巻針金他購入代</t>
  </si>
  <si>
    <t>510266</t>
  </si>
  <si>
    <t>520977</t>
  </si>
  <si>
    <t>トイレットペーパー等購入代（11月分）</t>
  </si>
  <si>
    <t>525749</t>
  </si>
  <si>
    <t>つづりひも他購入代</t>
  </si>
  <si>
    <t>532780</t>
  </si>
  <si>
    <t>印画紙等購入代（11月分）</t>
  </si>
  <si>
    <t>539017</t>
  </si>
  <si>
    <t>マイクスタンド購入代</t>
  </si>
  <si>
    <t>久米文具店　代表　久米　安二</t>
  </si>
  <si>
    <t>545543</t>
  </si>
  <si>
    <t>車両用電球他購入代</t>
  </si>
  <si>
    <t>渋谷油業（株）　代表取締役　渋谷　勝</t>
  </si>
  <si>
    <t>4021001012557</t>
  </si>
  <si>
    <t>座間警察署</t>
  </si>
  <si>
    <t>365988</t>
  </si>
  <si>
    <t>複写機用再生紙の購入代について（９月分）</t>
  </si>
  <si>
    <t>374687</t>
  </si>
  <si>
    <t>442306</t>
  </si>
  <si>
    <t>443943</t>
  </si>
  <si>
    <t>467279</t>
  </si>
  <si>
    <t>事務用消耗品（ラミネートフィルムほか）購入代</t>
  </si>
  <si>
    <t>（株）ヒライヤ　代表取締役　北條　照己</t>
  </si>
  <si>
    <t>2021001026534</t>
  </si>
  <si>
    <t>517917</t>
  </si>
  <si>
    <t>523348</t>
  </si>
  <si>
    <t>526079</t>
  </si>
  <si>
    <t>543015</t>
  </si>
  <si>
    <t>藤沢北警察署</t>
  </si>
  <si>
    <t>370081</t>
  </si>
  <si>
    <t>372054</t>
  </si>
  <si>
    <t>（株）原田　代表取締役　原田　武司</t>
  </si>
  <si>
    <t>6021001001789</t>
  </si>
  <si>
    <t>374574</t>
  </si>
  <si>
    <t>385640</t>
  </si>
  <si>
    <t>発動発電機用エンジンオイルの購入について</t>
  </si>
  <si>
    <t>（株）豊商会　代表取締役　後藤　元信</t>
  </si>
  <si>
    <t>1020001016224</t>
  </si>
  <si>
    <t>394422</t>
  </si>
  <si>
    <t>パンチラベルほかの購入について</t>
  </si>
  <si>
    <t>422950</t>
  </si>
  <si>
    <t>ＵＳＢメモリほかの購入について</t>
  </si>
  <si>
    <t>（株）ヤマダ電機横浜泉営業所　所長　佐久間　隆之</t>
  </si>
  <si>
    <t>449650</t>
  </si>
  <si>
    <t>451326</t>
  </si>
  <si>
    <t>庁用消耗品の購入</t>
  </si>
  <si>
    <t>467012</t>
  </si>
  <si>
    <t>バックパネルの購入</t>
  </si>
  <si>
    <t>487813</t>
  </si>
  <si>
    <t>521205</t>
  </si>
  <si>
    <t>マツバ商事（株）　代表取締役　横山　尚住</t>
  </si>
  <si>
    <t>6021001002119</t>
  </si>
  <si>
    <t>531842</t>
  </si>
  <si>
    <t>538948</t>
  </si>
  <si>
    <t>レインスーツほかの購入</t>
  </si>
  <si>
    <t>ワークマン藤沢円行店　店長　鮫島　義人</t>
  </si>
  <si>
    <t>540662</t>
  </si>
  <si>
    <t>インクジェットペーパーの購入</t>
  </si>
  <si>
    <t>543060</t>
  </si>
  <si>
    <t>鑑識用消耗品の購入</t>
  </si>
  <si>
    <t>サロンプルミエール　代表　菊池　洋子</t>
  </si>
  <si>
    <t>564947</t>
  </si>
  <si>
    <t>津久井警察署</t>
  </si>
  <si>
    <t>365160</t>
  </si>
  <si>
    <t>複写機用再生紙の購入代（９月分）</t>
  </si>
  <si>
    <t>381456</t>
  </si>
  <si>
    <t>397587</t>
  </si>
  <si>
    <t>印画紙等の購入（９月分）</t>
  </si>
  <si>
    <t>417394</t>
  </si>
  <si>
    <t>床用ワックス等の購入</t>
  </si>
  <si>
    <t>443891</t>
  </si>
  <si>
    <t>534642</t>
  </si>
  <si>
    <t>544066</t>
  </si>
  <si>
    <t>折りたたみイス購入代</t>
  </si>
  <si>
    <t>544533</t>
  </si>
  <si>
    <t>福文堂　代表　佐藤　晃一</t>
  </si>
  <si>
    <t>562191</t>
  </si>
  <si>
    <t>（株）郡農産業　代表取締役社長　加藤　奉文</t>
  </si>
  <si>
    <t>4021001016129</t>
  </si>
  <si>
    <t>宮前警察署</t>
  </si>
  <si>
    <t>383609</t>
  </si>
  <si>
    <t>上半期分複写用再生紙の購入（９月分）</t>
  </si>
  <si>
    <t>386106</t>
  </si>
  <si>
    <t>386239</t>
  </si>
  <si>
    <t>連続写真用紙等の購入（９月分）</t>
  </si>
  <si>
    <t>386248</t>
  </si>
  <si>
    <t>424169</t>
  </si>
  <si>
    <t>庁用消耗品（ごみ袋ほか）購入代（９月分）</t>
  </si>
  <si>
    <t>458568</t>
  </si>
  <si>
    <t>事務用消耗品（連続写真用紙ほか）購入代（10月分）</t>
  </si>
  <si>
    <t>458582</t>
  </si>
  <si>
    <t>蛍光灯ほか購入代（10月分）</t>
  </si>
  <si>
    <t>460672</t>
  </si>
  <si>
    <t>庁用消耗品（ごみ袋ほか）購入代（10月分）</t>
  </si>
  <si>
    <t>株式会社　川野商店　代表取締役　川野　正久</t>
  </si>
  <si>
    <t>460968</t>
  </si>
  <si>
    <t>複写機用用紙購入代（10月分）</t>
  </si>
  <si>
    <t>482367</t>
  </si>
  <si>
    <t>アンテナ取付マスト購入代</t>
  </si>
  <si>
    <t>532174</t>
  </si>
  <si>
    <t>556400</t>
  </si>
  <si>
    <t>連続写真用紙等購入代（11月分）</t>
  </si>
  <si>
    <t>556406</t>
  </si>
  <si>
    <t>蛍光灯等購入代（11月分）</t>
  </si>
  <si>
    <t>558545</t>
  </si>
  <si>
    <t>558748</t>
  </si>
  <si>
    <t>560085</t>
  </si>
  <si>
    <t>ストーブ替え芯外購入代</t>
  </si>
  <si>
    <t>561912</t>
  </si>
  <si>
    <t>表彰状用賞状額購入代</t>
  </si>
  <si>
    <t>582083</t>
  </si>
  <si>
    <t>ガチャック外購入代</t>
  </si>
  <si>
    <t>麻生警察署</t>
  </si>
  <si>
    <t>379147</t>
  </si>
  <si>
    <t>壁掛ホワイトボード外の購入</t>
  </si>
  <si>
    <t>382812</t>
  </si>
  <si>
    <t>トイレットペーパーの購入９月分</t>
  </si>
  <si>
    <t>383534</t>
  </si>
  <si>
    <t>391280</t>
  </si>
  <si>
    <t>庁用消耗品の購入(９月分)</t>
  </si>
  <si>
    <t>有限会社　海老野産業　代表取締役　坂元　隆士</t>
  </si>
  <si>
    <t>401469</t>
  </si>
  <si>
    <t>蛍光灯等の購入(９月分)</t>
  </si>
  <si>
    <t>401609</t>
  </si>
  <si>
    <t>事務用消耗品の購入(９月分)</t>
  </si>
  <si>
    <t>450958</t>
  </si>
  <si>
    <t>451063</t>
  </si>
  <si>
    <t>複写機用紙の購入代（10月分）</t>
  </si>
  <si>
    <t>460908</t>
  </si>
  <si>
    <t>床用ワックス外の購入代</t>
  </si>
  <si>
    <t>476494</t>
  </si>
  <si>
    <t>蛍光灯等の購入代（10月分）</t>
  </si>
  <si>
    <t>482422</t>
  </si>
  <si>
    <t>事務用消耗品の購入代（10月分）</t>
  </si>
  <si>
    <t>504876</t>
  </si>
  <si>
    <t>両開き扉型保管庫の購入代</t>
  </si>
  <si>
    <t>株式会社シマソービ　代表取締役　埜村　亮</t>
  </si>
  <si>
    <t>4020001026947</t>
  </si>
  <si>
    <t>527902</t>
  </si>
  <si>
    <t>528133</t>
  </si>
  <si>
    <t>534824</t>
  </si>
  <si>
    <t>机上Ｌ字型表示板の購入代</t>
  </si>
  <si>
    <t>540638</t>
  </si>
  <si>
    <t>エコタンクプリンターの購入代</t>
  </si>
  <si>
    <t>株式会社ヤマダ電機　向ヶ丘営業所　所長　栗原　裕尚</t>
  </si>
  <si>
    <t>555904</t>
  </si>
  <si>
    <t>庁用消耗品の購入代（11月分）</t>
  </si>
  <si>
    <t>556319</t>
  </si>
  <si>
    <t>事務用消耗品の購入代（11月分）</t>
  </si>
  <si>
    <t>556369</t>
  </si>
  <si>
    <t>577693</t>
  </si>
  <si>
    <t>（株）鶴見商会　代表取締役　鶴見　大輔</t>
  </si>
  <si>
    <t>580724</t>
  </si>
  <si>
    <t>壁掛ホワイトボードの購入代</t>
  </si>
  <si>
    <t>青葉警察署</t>
  </si>
  <si>
    <t>358499</t>
  </si>
  <si>
    <t>折りたたみベットほかの購入について</t>
  </si>
  <si>
    <t>364281</t>
  </si>
  <si>
    <t>アルコール温度計の購入について</t>
  </si>
  <si>
    <t>（株）湘学　代表取締役　田原　涼太</t>
  </si>
  <si>
    <t>7021001040514</t>
  </si>
  <si>
    <t>372234</t>
  </si>
  <si>
    <t>９月分　複写機用再生紙の購入について</t>
  </si>
  <si>
    <t>380777</t>
  </si>
  <si>
    <t>９月分　インクカートリッジ等の購入について</t>
  </si>
  <si>
    <t>407529</t>
  </si>
  <si>
    <t>賞状額ほかの購入について</t>
  </si>
  <si>
    <t>408684</t>
  </si>
  <si>
    <t>USBメモリほかの購入について</t>
  </si>
  <si>
    <t>409160</t>
  </si>
  <si>
    <t>混合燃料ほかの購入について</t>
  </si>
  <si>
    <t>441119</t>
  </si>
  <si>
    <t>消耗品（再生紙）購入代（10月分）</t>
  </si>
  <si>
    <t>449662</t>
  </si>
  <si>
    <t>455475</t>
  </si>
  <si>
    <t>消耗品（インクボトルほか）購入代</t>
  </si>
  <si>
    <t>457059</t>
  </si>
  <si>
    <t>消耗品（フレコンバックほか）購入代</t>
  </si>
  <si>
    <t>460906</t>
  </si>
  <si>
    <t>503153</t>
  </si>
  <si>
    <t>備品（インターホン）購入代</t>
  </si>
  <si>
    <t>515555</t>
  </si>
  <si>
    <t>515932</t>
  </si>
  <si>
    <t>消耗品（防水デジタルカメラ）購入代</t>
  </si>
  <si>
    <t>（株）コンノカメラ　代表取締役　紺野　篤</t>
  </si>
  <si>
    <t>6020001069234</t>
  </si>
  <si>
    <t>541334</t>
  </si>
  <si>
    <t>消耗品（ドレンアップポンプ）購入代</t>
  </si>
  <si>
    <t>550153</t>
  </si>
  <si>
    <t>消耗品（メラミン湯呑ほか）購入代</t>
  </si>
  <si>
    <t>572058</t>
  </si>
  <si>
    <t>（有）三立ガス器具サービスセンター　取締役　中村　大</t>
  </si>
  <si>
    <t>6020002030104</t>
  </si>
  <si>
    <t>573246</t>
  </si>
  <si>
    <t>消耗品（キーケース）購入代</t>
  </si>
  <si>
    <t>泉警察署</t>
  </si>
  <si>
    <t>374693</t>
  </si>
  <si>
    <t>378617</t>
  </si>
  <si>
    <t>383543</t>
  </si>
  <si>
    <t>オイルジョッキ等の購入について</t>
  </si>
  <si>
    <t>472344</t>
  </si>
  <si>
    <t>台所用漂白剤ほかの購入代</t>
  </si>
  <si>
    <t>515757</t>
  </si>
  <si>
    <t>520605</t>
  </si>
  <si>
    <t>524989</t>
  </si>
  <si>
    <t>ファイリングキャビネットほかの購入代</t>
  </si>
  <si>
    <t>526783</t>
  </si>
  <si>
    <t>クリーナーほかの購入代</t>
  </si>
  <si>
    <t>528602</t>
  </si>
  <si>
    <t>550207</t>
  </si>
  <si>
    <t>イージーレザー等の購入代</t>
  </si>
  <si>
    <t>都筑警察署</t>
  </si>
  <si>
    <t>361586</t>
  </si>
  <si>
    <t>ＩＣレコーダーの購入</t>
  </si>
  <si>
    <t>株式会社　ヤマダ電機　横浜港北営業所　所長　櫨場　聡</t>
  </si>
  <si>
    <t>370182</t>
  </si>
  <si>
    <t>事務用品の購入（８月分）</t>
  </si>
  <si>
    <t>377235</t>
  </si>
  <si>
    <t>ポリ袋等の購入（９月分）</t>
  </si>
  <si>
    <t>株式会社エム．アンド．オーインダストリー　代表取締役　町側　烈士</t>
  </si>
  <si>
    <t>382071</t>
  </si>
  <si>
    <t>写真用紙等の購入（９月分）</t>
  </si>
  <si>
    <t>383392</t>
  </si>
  <si>
    <t>令和元年度上半期　複写機用再生紙の購入（９月分）</t>
  </si>
  <si>
    <t>385174</t>
  </si>
  <si>
    <t>南京錠ほかの購入</t>
  </si>
  <si>
    <t>392705</t>
  </si>
  <si>
    <t>事務用品の購入（９月分）</t>
  </si>
  <si>
    <t>457081</t>
  </si>
  <si>
    <t>496392</t>
  </si>
  <si>
    <t>501410</t>
  </si>
  <si>
    <t>512664</t>
  </si>
  <si>
    <t>ファクシミリ用インクリボンの購入代</t>
  </si>
  <si>
    <t>519602</t>
  </si>
  <si>
    <t>527456</t>
  </si>
  <si>
    <t>545858</t>
  </si>
  <si>
    <t>574929</t>
  </si>
  <si>
    <t>キーボックスの購入代</t>
  </si>
  <si>
    <t>中央建設（株）　代表取締役　渡邉　俊雄</t>
  </si>
  <si>
    <t>5020001008960</t>
  </si>
  <si>
    <t>海老名警察署</t>
  </si>
  <si>
    <t>364406</t>
  </si>
  <si>
    <t>９月分複写機用再生紙の購入</t>
  </si>
  <si>
    <t>377008</t>
  </si>
  <si>
    <t>431675</t>
  </si>
  <si>
    <t>レタースケールほかの購入</t>
  </si>
  <si>
    <t>441295</t>
  </si>
  <si>
    <t>442785</t>
  </si>
  <si>
    <t>453929</t>
  </si>
  <si>
    <t>ゴミ袋ほか購入代</t>
  </si>
  <si>
    <t>和光商事（株）　代表取締役　矢口　繁雄</t>
  </si>
  <si>
    <t>4021001020642</t>
  </si>
  <si>
    <t>455946</t>
  </si>
  <si>
    <t>アルミホイール購入代</t>
  </si>
  <si>
    <t>478086</t>
  </si>
  <si>
    <t>ＬＥＤ電球ほか購入代</t>
  </si>
  <si>
    <t>（株）山一商事　代表取締役　山田　一志</t>
  </si>
  <si>
    <t>6021001020582</t>
  </si>
  <si>
    <t>507474</t>
  </si>
  <si>
    <t>（株）コジマ　コジマ×ビックカメラ海老名店　店長　石井　秀尚</t>
  </si>
  <si>
    <t>513190</t>
  </si>
  <si>
    <t>522295</t>
  </si>
  <si>
    <t>523414</t>
  </si>
  <si>
    <t>548465</t>
  </si>
  <si>
    <t>パイプ式ファイルほか購入代</t>
  </si>
  <si>
    <t>相模原北警察署</t>
  </si>
  <si>
    <t>367514</t>
  </si>
  <si>
    <t>374485</t>
  </si>
  <si>
    <t>374545</t>
  </si>
  <si>
    <t>有限会社　光屋金物店　代表取締役　森光　雄一郎</t>
  </si>
  <si>
    <t>393625</t>
  </si>
  <si>
    <t>ビニール袋等の購入（９月分）</t>
  </si>
  <si>
    <t>400690</t>
  </si>
  <si>
    <t>写真用紙等の購入</t>
  </si>
  <si>
    <t>442171</t>
  </si>
  <si>
    <t>442588</t>
  </si>
  <si>
    <t>菊屋浦上商事（株）　代表取締役　浦上　裕生</t>
  </si>
  <si>
    <t>492388</t>
  </si>
  <si>
    <t>乾湿両用クリーナー他の購入代</t>
  </si>
  <si>
    <t>518195</t>
  </si>
  <si>
    <t>ゴム印購入代</t>
  </si>
  <si>
    <t>540746</t>
  </si>
  <si>
    <t>携帯収納箱ほかの購入代</t>
  </si>
  <si>
    <t>540844</t>
  </si>
  <si>
    <t>記号札自開式小ほかの購入代</t>
  </si>
  <si>
    <t>561251</t>
  </si>
  <si>
    <t>バケツ石鹸ほかの購入代</t>
  </si>
  <si>
    <t>581798</t>
  </si>
  <si>
    <t>（株）日電社　代表取締役　田所　文男</t>
  </si>
  <si>
    <t>6021001013561</t>
  </si>
  <si>
    <t>局名</t>
    <phoneticPr fontId="4"/>
  </si>
  <si>
    <t>横須賀警察署　前渡金受領職員</t>
    <phoneticPr fontId="3"/>
  </si>
  <si>
    <t>藤沢警察署　前渡金受領職員</t>
    <phoneticPr fontId="3"/>
  </si>
  <si>
    <t>平塚警察署　前渡金受領職員</t>
    <phoneticPr fontId="3"/>
  </si>
  <si>
    <t>平塚警察署　前渡金受領職員</t>
    <phoneticPr fontId="3"/>
  </si>
  <si>
    <t>警察本部広報県民課　前渡金受領職員</t>
    <rPh sb="4" eb="6">
      <t>コウホウ</t>
    </rPh>
    <rPh sb="6" eb="8">
      <t>ケンミン</t>
    </rPh>
    <rPh sb="8" eb="9">
      <t>カ</t>
    </rPh>
    <phoneticPr fontId="3"/>
  </si>
  <si>
    <t>警察本部広報県民課　前渡金受領職員</t>
    <rPh sb="4" eb="9">
      <t>コウホウケンミンカ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042"/>
  <sheetViews>
    <sheetView tabSelected="1" zoomScaleNormal="100" workbookViewId="0">
      <pane ySplit="1" topLeftCell="A2" activePane="bottomLeft" state="frozen"/>
      <selection pane="bottomLeft" activeCell="M6" sqref="M6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2486</v>
      </c>
      <c r="C1" s="1" t="s">
        <v>1</v>
      </c>
      <c r="D1" s="2" t="s">
        <v>2</v>
      </c>
      <c r="E1" s="1" t="s">
        <v>3</v>
      </c>
      <c r="F1" s="1" t="s">
        <v>4</v>
      </c>
      <c r="G1" s="2" t="s">
        <v>5</v>
      </c>
      <c r="H1" s="2" t="s">
        <v>6</v>
      </c>
      <c r="I1" s="1" t="s">
        <v>7</v>
      </c>
    </row>
    <row r="2" spans="1:9" ht="24" x14ac:dyDescent="0.2">
      <c r="A2" s="4">
        <v>43556</v>
      </c>
      <c r="B2" s="5" t="s">
        <v>8</v>
      </c>
      <c r="C2" s="5" t="s">
        <v>9</v>
      </c>
      <c r="D2" s="6" t="s">
        <v>10</v>
      </c>
      <c r="E2" s="5" t="s">
        <v>11</v>
      </c>
      <c r="F2" s="7">
        <v>82394743</v>
      </c>
      <c r="G2" s="5" t="s">
        <v>12</v>
      </c>
      <c r="H2" s="6" t="s">
        <v>13</v>
      </c>
      <c r="I2" s="8">
        <v>43740</v>
      </c>
    </row>
    <row r="3" spans="1:9" ht="24" x14ac:dyDescent="0.2">
      <c r="A3" s="4">
        <v>43556</v>
      </c>
      <c r="B3" s="5" t="s">
        <v>8</v>
      </c>
      <c r="C3" s="5" t="s">
        <v>9</v>
      </c>
      <c r="D3" s="6" t="s">
        <v>14</v>
      </c>
      <c r="E3" s="5" t="s">
        <v>15</v>
      </c>
      <c r="F3" s="7">
        <v>522223</v>
      </c>
      <c r="G3" s="5" t="s">
        <v>16</v>
      </c>
      <c r="H3" s="6" t="s">
        <v>17</v>
      </c>
      <c r="I3" s="8">
        <v>43740</v>
      </c>
    </row>
    <row r="4" spans="1:9" ht="24" x14ac:dyDescent="0.2">
      <c r="A4" s="4">
        <v>43556</v>
      </c>
      <c r="B4" s="5" t="s">
        <v>8</v>
      </c>
      <c r="C4" s="5" t="s">
        <v>9</v>
      </c>
      <c r="D4" s="6" t="s">
        <v>18</v>
      </c>
      <c r="E4" s="5" t="s">
        <v>19</v>
      </c>
      <c r="F4" s="7">
        <v>1489536</v>
      </c>
      <c r="G4" s="5" t="s">
        <v>20</v>
      </c>
      <c r="H4" s="6" t="s">
        <v>21</v>
      </c>
      <c r="I4" s="8">
        <v>43740</v>
      </c>
    </row>
    <row r="5" spans="1:9" ht="24" x14ac:dyDescent="0.2">
      <c r="A5" s="4">
        <v>43556</v>
      </c>
      <c r="B5" s="5" t="s">
        <v>8</v>
      </c>
      <c r="C5" s="5" t="s">
        <v>9</v>
      </c>
      <c r="D5" s="6" t="s">
        <v>22</v>
      </c>
      <c r="E5" s="5" t="s">
        <v>23</v>
      </c>
      <c r="F5" s="7">
        <v>5500</v>
      </c>
      <c r="G5" s="5" t="s">
        <v>24</v>
      </c>
      <c r="H5" s="6" t="s">
        <v>25</v>
      </c>
      <c r="I5" s="8">
        <v>43741</v>
      </c>
    </row>
    <row r="6" spans="1:9" ht="24" x14ac:dyDescent="0.2">
      <c r="A6" s="4">
        <v>43556</v>
      </c>
      <c r="B6" s="5" t="s">
        <v>8</v>
      </c>
      <c r="C6" s="5" t="s">
        <v>9</v>
      </c>
      <c r="D6" s="6" t="s">
        <v>26</v>
      </c>
      <c r="E6" s="5" t="s">
        <v>27</v>
      </c>
      <c r="F6" s="7">
        <v>38676</v>
      </c>
      <c r="G6" s="5" t="s">
        <v>28</v>
      </c>
      <c r="H6" s="6" t="s">
        <v>29</v>
      </c>
      <c r="I6" s="8">
        <v>43741</v>
      </c>
    </row>
    <row r="7" spans="1:9" ht="24" x14ac:dyDescent="0.2">
      <c r="A7" s="4">
        <v>43556</v>
      </c>
      <c r="B7" s="5" t="s">
        <v>8</v>
      </c>
      <c r="C7" s="5" t="s">
        <v>9</v>
      </c>
      <c r="D7" s="6" t="s">
        <v>30</v>
      </c>
      <c r="E7" s="5" t="s">
        <v>31</v>
      </c>
      <c r="F7" s="7">
        <v>15400</v>
      </c>
      <c r="G7" s="5" t="s">
        <v>32</v>
      </c>
      <c r="H7" s="6" t="s">
        <v>33</v>
      </c>
      <c r="I7" s="8">
        <v>43742</v>
      </c>
    </row>
    <row r="8" spans="1:9" ht="24" x14ac:dyDescent="0.2">
      <c r="A8" s="4">
        <v>43556</v>
      </c>
      <c r="B8" s="5" t="s">
        <v>8</v>
      </c>
      <c r="C8" s="5" t="s">
        <v>9</v>
      </c>
      <c r="D8" s="6" t="s">
        <v>34</v>
      </c>
      <c r="E8" s="5" t="s">
        <v>35</v>
      </c>
      <c r="F8" s="7">
        <v>549450</v>
      </c>
      <c r="G8" s="5" t="s">
        <v>36</v>
      </c>
      <c r="H8" s="6" t="s">
        <v>37</v>
      </c>
      <c r="I8" s="8">
        <v>43742</v>
      </c>
    </row>
    <row r="9" spans="1:9" ht="24" x14ac:dyDescent="0.2">
      <c r="A9" s="4">
        <v>43556</v>
      </c>
      <c r="B9" s="5" t="s">
        <v>8</v>
      </c>
      <c r="C9" s="5" t="s">
        <v>9</v>
      </c>
      <c r="D9" s="6" t="s">
        <v>38</v>
      </c>
      <c r="E9" s="5" t="s">
        <v>39</v>
      </c>
      <c r="F9" s="7">
        <v>295164</v>
      </c>
      <c r="G9" s="5" t="s">
        <v>40</v>
      </c>
      <c r="H9" s="6" t="s">
        <v>41</v>
      </c>
      <c r="I9" s="8">
        <v>43746</v>
      </c>
    </row>
    <row r="10" spans="1:9" ht="24" x14ac:dyDescent="0.2">
      <c r="A10" s="4">
        <v>43556</v>
      </c>
      <c r="B10" s="5" t="s">
        <v>8</v>
      </c>
      <c r="C10" s="5" t="s">
        <v>9</v>
      </c>
      <c r="D10" s="6" t="s">
        <v>42</v>
      </c>
      <c r="E10" s="5" t="s">
        <v>43</v>
      </c>
      <c r="F10" s="7">
        <v>39600</v>
      </c>
      <c r="G10" s="5" t="s">
        <v>44</v>
      </c>
      <c r="H10" s="6" t="s">
        <v>33</v>
      </c>
      <c r="I10" s="8">
        <v>43746</v>
      </c>
    </row>
    <row r="11" spans="1:9" ht="36" x14ac:dyDescent="0.2">
      <c r="A11" s="4">
        <v>43556</v>
      </c>
      <c r="B11" s="5" t="s">
        <v>8</v>
      </c>
      <c r="C11" s="5" t="s">
        <v>9</v>
      </c>
      <c r="D11" s="6" t="s">
        <v>45</v>
      </c>
      <c r="E11" s="5" t="s">
        <v>46</v>
      </c>
      <c r="F11" s="7">
        <v>182380</v>
      </c>
      <c r="G11" s="5" t="s">
        <v>47</v>
      </c>
      <c r="H11" s="6" t="s">
        <v>48</v>
      </c>
      <c r="I11" s="8">
        <v>43747</v>
      </c>
    </row>
    <row r="12" spans="1:9" ht="36" x14ac:dyDescent="0.2">
      <c r="A12" s="4">
        <v>43556</v>
      </c>
      <c r="B12" s="5" t="s">
        <v>8</v>
      </c>
      <c r="C12" s="5" t="s">
        <v>9</v>
      </c>
      <c r="D12" s="6" t="s">
        <v>49</v>
      </c>
      <c r="E12" s="5" t="s">
        <v>50</v>
      </c>
      <c r="F12" s="7">
        <v>99440</v>
      </c>
      <c r="G12" s="5" t="s">
        <v>47</v>
      </c>
      <c r="H12" s="6" t="s">
        <v>48</v>
      </c>
      <c r="I12" s="8">
        <v>43747</v>
      </c>
    </row>
    <row r="13" spans="1:9" ht="24" x14ac:dyDescent="0.2">
      <c r="A13" s="4">
        <v>43556</v>
      </c>
      <c r="B13" s="5" t="s">
        <v>8</v>
      </c>
      <c r="C13" s="5" t="s">
        <v>9</v>
      </c>
      <c r="D13" s="6" t="s">
        <v>51</v>
      </c>
      <c r="E13" s="5" t="s">
        <v>52</v>
      </c>
      <c r="F13" s="7">
        <v>86900</v>
      </c>
      <c r="G13" s="5" t="s">
        <v>53</v>
      </c>
      <c r="H13" s="6" t="s">
        <v>54</v>
      </c>
      <c r="I13" s="8">
        <v>43747</v>
      </c>
    </row>
    <row r="14" spans="1:9" ht="24" x14ac:dyDescent="0.2">
      <c r="A14" s="4">
        <v>43556</v>
      </c>
      <c r="B14" s="5" t="s">
        <v>8</v>
      </c>
      <c r="C14" s="5" t="s">
        <v>9</v>
      </c>
      <c r="D14" s="6" t="s">
        <v>55</v>
      </c>
      <c r="E14" s="5" t="s">
        <v>56</v>
      </c>
      <c r="F14" s="7">
        <v>616269</v>
      </c>
      <c r="G14" s="5" t="s">
        <v>57</v>
      </c>
      <c r="H14" s="6" t="s">
        <v>58</v>
      </c>
      <c r="I14" s="8">
        <v>43748</v>
      </c>
    </row>
    <row r="15" spans="1:9" ht="24" x14ac:dyDescent="0.2">
      <c r="A15" s="4">
        <v>43556</v>
      </c>
      <c r="B15" s="5" t="s">
        <v>8</v>
      </c>
      <c r="C15" s="5" t="s">
        <v>9</v>
      </c>
      <c r="D15" s="6" t="s">
        <v>59</v>
      </c>
      <c r="E15" s="5" t="s">
        <v>60</v>
      </c>
      <c r="F15" s="7">
        <v>2067141</v>
      </c>
      <c r="G15" s="5" t="s">
        <v>61</v>
      </c>
      <c r="H15" s="6" t="s">
        <v>62</v>
      </c>
      <c r="I15" s="8">
        <v>43748</v>
      </c>
    </row>
    <row r="16" spans="1:9" ht="24" x14ac:dyDescent="0.2">
      <c r="A16" s="4">
        <v>43556</v>
      </c>
      <c r="B16" s="5" t="s">
        <v>8</v>
      </c>
      <c r="C16" s="5" t="s">
        <v>9</v>
      </c>
      <c r="D16" s="6" t="s">
        <v>63</v>
      </c>
      <c r="E16" s="5" t="s">
        <v>64</v>
      </c>
      <c r="F16" s="7">
        <v>49500</v>
      </c>
      <c r="G16" s="5" t="s">
        <v>53</v>
      </c>
      <c r="H16" s="6" t="s">
        <v>54</v>
      </c>
      <c r="I16" s="8">
        <v>43749</v>
      </c>
    </row>
    <row r="17" spans="1:9" ht="24" x14ac:dyDescent="0.2">
      <c r="A17" s="4">
        <v>43556</v>
      </c>
      <c r="B17" s="5" t="s">
        <v>8</v>
      </c>
      <c r="C17" s="5" t="s">
        <v>9</v>
      </c>
      <c r="D17" s="6" t="s">
        <v>65</v>
      </c>
      <c r="E17" s="5" t="s">
        <v>66</v>
      </c>
      <c r="F17" s="7">
        <v>111996</v>
      </c>
      <c r="G17" s="5" t="s">
        <v>67</v>
      </c>
      <c r="H17" s="6" t="s">
        <v>68</v>
      </c>
      <c r="I17" s="8">
        <v>43749</v>
      </c>
    </row>
    <row r="18" spans="1:9" ht="24" x14ac:dyDescent="0.2">
      <c r="A18" s="4">
        <v>43556</v>
      </c>
      <c r="B18" s="5" t="s">
        <v>8</v>
      </c>
      <c r="C18" s="5" t="s">
        <v>9</v>
      </c>
      <c r="D18" s="6" t="s">
        <v>69</v>
      </c>
      <c r="E18" s="5" t="s">
        <v>70</v>
      </c>
      <c r="F18" s="7">
        <v>224856</v>
      </c>
      <c r="G18" s="5" t="s">
        <v>71</v>
      </c>
      <c r="H18" s="6" t="s">
        <v>72</v>
      </c>
      <c r="I18" s="8">
        <v>43749</v>
      </c>
    </row>
    <row r="19" spans="1:9" x14ac:dyDescent="0.2">
      <c r="A19" s="4">
        <v>43556</v>
      </c>
      <c r="B19" s="5" t="s">
        <v>8</v>
      </c>
      <c r="C19" s="5" t="s">
        <v>9</v>
      </c>
      <c r="D19" s="6" t="s">
        <v>73</v>
      </c>
      <c r="E19" s="5" t="s">
        <v>74</v>
      </c>
      <c r="F19" s="7">
        <v>11000</v>
      </c>
      <c r="G19" s="5" t="s">
        <v>75</v>
      </c>
      <c r="H19" s="6" t="s">
        <v>33</v>
      </c>
      <c r="I19" s="8">
        <v>43749</v>
      </c>
    </row>
    <row r="20" spans="1:9" ht="24" x14ac:dyDescent="0.2">
      <c r="A20" s="4">
        <v>43556</v>
      </c>
      <c r="B20" s="5" t="s">
        <v>8</v>
      </c>
      <c r="C20" s="5" t="s">
        <v>9</v>
      </c>
      <c r="D20" s="6" t="s">
        <v>76</v>
      </c>
      <c r="E20" s="5" t="s">
        <v>60</v>
      </c>
      <c r="F20" s="7">
        <v>971136</v>
      </c>
      <c r="G20" s="5" t="s">
        <v>57</v>
      </c>
      <c r="H20" s="6" t="s">
        <v>58</v>
      </c>
      <c r="I20" s="8">
        <v>43749</v>
      </c>
    </row>
    <row r="21" spans="1:9" ht="24" x14ac:dyDescent="0.2">
      <c r="A21" s="4">
        <v>43556</v>
      </c>
      <c r="B21" s="5" t="s">
        <v>8</v>
      </c>
      <c r="C21" s="5" t="s">
        <v>9</v>
      </c>
      <c r="D21" s="6" t="s">
        <v>77</v>
      </c>
      <c r="E21" s="5" t="s">
        <v>78</v>
      </c>
      <c r="F21" s="7">
        <v>238032</v>
      </c>
      <c r="G21" s="5" t="s">
        <v>79</v>
      </c>
      <c r="H21" s="6" t="s">
        <v>80</v>
      </c>
      <c r="I21" s="8">
        <v>43749</v>
      </c>
    </row>
    <row r="22" spans="1:9" ht="24" x14ac:dyDescent="0.2">
      <c r="A22" s="4">
        <v>43556</v>
      </c>
      <c r="B22" s="5" t="s">
        <v>8</v>
      </c>
      <c r="C22" s="5" t="s">
        <v>9</v>
      </c>
      <c r="D22" s="6" t="s">
        <v>81</v>
      </c>
      <c r="E22" s="5" t="s">
        <v>82</v>
      </c>
      <c r="F22" s="7">
        <v>20790</v>
      </c>
      <c r="G22" s="5" t="s">
        <v>83</v>
      </c>
      <c r="H22" s="6" t="s">
        <v>84</v>
      </c>
      <c r="I22" s="8">
        <v>43749</v>
      </c>
    </row>
    <row r="23" spans="1:9" ht="24" x14ac:dyDescent="0.2">
      <c r="A23" s="4">
        <v>43556</v>
      </c>
      <c r="B23" s="5" t="s">
        <v>8</v>
      </c>
      <c r="C23" s="5" t="s">
        <v>9</v>
      </c>
      <c r="D23" s="6" t="s">
        <v>85</v>
      </c>
      <c r="E23" s="5" t="s">
        <v>86</v>
      </c>
      <c r="F23" s="7">
        <v>10380</v>
      </c>
      <c r="G23" s="5" t="s">
        <v>87</v>
      </c>
      <c r="H23" s="6" t="s">
        <v>88</v>
      </c>
      <c r="I23" s="8">
        <v>43749</v>
      </c>
    </row>
    <row r="24" spans="1:9" ht="24" x14ac:dyDescent="0.2">
      <c r="A24" s="4">
        <v>43556</v>
      </c>
      <c r="B24" s="5" t="s">
        <v>8</v>
      </c>
      <c r="C24" s="5" t="s">
        <v>9</v>
      </c>
      <c r="D24" s="6" t="s">
        <v>89</v>
      </c>
      <c r="E24" s="5" t="s">
        <v>90</v>
      </c>
      <c r="F24" s="7">
        <v>607500</v>
      </c>
      <c r="G24" s="5" t="s">
        <v>91</v>
      </c>
      <c r="H24" s="6" t="s">
        <v>92</v>
      </c>
      <c r="I24" s="8">
        <v>43753</v>
      </c>
    </row>
    <row r="25" spans="1:9" ht="24" x14ac:dyDescent="0.2">
      <c r="A25" s="4">
        <v>43556</v>
      </c>
      <c r="B25" s="5" t="s">
        <v>8</v>
      </c>
      <c r="C25" s="5" t="s">
        <v>9</v>
      </c>
      <c r="D25" s="6" t="s">
        <v>93</v>
      </c>
      <c r="E25" s="5" t="s">
        <v>11</v>
      </c>
      <c r="F25" s="7">
        <v>80970672</v>
      </c>
      <c r="G25" s="5" t="s">
        <v>12</v>
      </c>
      <c r="H25" s="6" t="s">
        <v>13</v>
      </c>
      <c r="I25" s="8">
        <v>43753</v>
      </c>
    </row>
    <row r="26" spans="1:9" ht="24" x14ac:dyDescent="0.2">
      <c r="A26" s="4">
        <v>43556</v>
      </c>
      <c r="B26" s="5" t="s">
        <v>8</v>
      </c>
      <c r="C26" s="5" t="s">
        <v>9</v>
      </c>
      <c r="D26" s="6" t="s">
        <v>94</v>
      </c>
      <c r="E26" s="5" t="s">
        <v>95</v>
      </c>
      <c r="F26" s="7">
        <v>373560</v>
      </c>
      <c r="G26" s="5" t="s">
        <v>96</v>
      </c>
      <c r="H26" s="6" t="s">
        <v>97</v>
      </c>
      <c r="I26" s="8">
        <v>43754</v>
      </c>
    </row>
    <row r="27" spans="1:9" ht="24" x14ac:dyDescent="0.2">
      <c r="A27" s="4">
        <v>43556</v>
      </c>
      <c r="B27" s="5" t="s">
        <v>8</v>
      </c>
      <c r="C27" s="5" t="s">
        <v>9</v>
      </c>
      <c r="D27" s="6" t="s">
        <v>98</v>
      </c>
      <c r="E27" s="5" t="s">
        <v>99</v>
      </c>
      <c r="F27" s="7">
        <v>17820</v>
      </c>
      <c r="G27" s="5" t="s">
        <v>100</v>
      </c>
      <c r="H27" s="6" t="s">
        <v>101</v>
      </c>
      <c r="I27" s="8">
        <v>43754</v>
      </c>
    </row>
    <row r="28" spans="1:9" ht="24" x14ac:dyDescent="0.2">
      <c r="A28" s="4">
        <v>43556</v>
      </c>
      <c r="B28" s="5" t="s">
        <v>8</v>
      </c>
      <c r="C28" s="5" t="s">
        <v>9</v>
      </c>
      <c r="D28" s="6" t="s">
        <v>102</v>
      </c>
      <c r="E28" s="5" t="s">
        <v>103</v>
      </c>
      <c r="F28" s="7">
        <v>71500</v>
      </c>
      <c r="G28" s="5" t="s">
        <v>104</v>
      </c>
      <c r="H28" s="6" t="s">
        <v>105</v>
      </c>
      <c r="I28" s="8">
        <v>43754</v>
      </c>
    </row>
    <row r="29" spans="1:9" x14ac:dyDescent="0.2">
      <c r="A29" s="4">
        <v>43556</v>
      </c>
      <c r="B29" s="5" t="s">
        <v>8</v>
      </c>
      <c r="C29" s="5" t="s">
        <v>9</v>
      </c>
      <c r="D29" s="6" t="s">
        <v>106</v>
      </c>
      <c r="E29" s="5" t="s">
        <v>107</v>
      </c>
      <c r="F29" s="7">
        <v>22000</v>
      </c>
      <c r="G29" s="5" t="s">
        <v>108</v>
      </c>
      <c r="H29" s="6" t="s">
        <v>33</v>
      </c>
      <c r="I29" s="8">
        <v>43754</v>
      </c>
    </row>
    <row r="30" spans="1:9" ht="24" x14ac:dyDescent="0.2">
      <c r="A30" s="4">
        <v>43556</v>
      </c>
      <c r="B30" s="5" t="s">
        <v>8</v>
      </c>
      <c r="C30" s="5" t="s">
        <v>9</v>
      </c>
      <c r="D30" s="6" t="s">
        <v>109</v>
      </c>
      <c r="E30" s="5" t="s">
        <v>110</v>
      </c>
      <c r="F30" s="7">
        <v>1332646</v>
      </c>
      <c r="G30" s="5" t="s">
        <v>111</v>
      </c>
      <c r="H30" s="6" t="s">
        <v>112</v>
      </c>
      <c r="I30" s="8">
        <v>43756</v>
      </c>
    </row>
    <row r="31" spans="1:9" ht="24" x14ac:dyDescent="0.2">
      <c r="A31" s="4">
        <v>43556</v>
      </c>
      <c r="B31" s="5" t="s">
        <v>8</v>
      </c>
      <c r="C31" s="5" t="s">
        <v>9</v>
      </c>
      <c r="D31" s="6" t="s">
        <v>113</v>
      </c>
      <c r="E31" s="5" t="s">
        <v>114</v>
      </c>
      <c r="F31" s="7">
        <v>1721520</v>
      </c>
      <c r="G31" s="5" t="s">
        <v>53</v>
      </c>
      <c r="H31" s="6" t="s">
        <v>54</v>
      </c>
      <c r="I31" s="8">
        <v>43756</v>
      </c>
    </row>
    <row r="32" spans="1:9" ht="24" x14ac:dyDescent="0.2">
      <c r="A32" s="4">
        <v>43556</v>
      </c>
      <c r="B32" s="5" t="s">
        <v>8</v>
      </c>
      <c r="C32" s="5" t="s">
        <v>9</v>
      </c>
      <c r="D32" s="6" t="s">
        <v>115</v>
      </c>
      <c r="E32" s="5" t="s">
        <v>116</v>
      </c>
      <c r="F32" s="7">
        <v>18480</v>
      </c>
      <c r="G32" s="5" t="s">
        <v>117</v>
      </c>
      <c r="H32" s="6" t="s">
        <v>118</v>
      </c>
      <c r="I32" s="8">
        <v>43756</v>
      </c>
    </row>
    <row r="33" spans="1:9" ht="24" x14ac:dyDescent="0.2">
      <c r="A33" s="4">
        <v>43556</v>
      </c>
      <c r="B33" s="5" t="s">
        <v>8</v>
      </c>
      <c r="C33" s="5" t="s">
        <v>9</v>
      </c>
      <c r="D33" s="6" t="s">
        <v>119</v>
      </c>
      <c r="E33" s="5" t="s">
        <v>120</v>
      </c>
      <c r="F33" s="7">
        <v>26400</v>
      </c>
      <c r="G33" s="5" t="s">
        <v>121</v>
      </c>
      <c r="H33" s="6" t="s">
        <v>122</v>
      </c>
      <c r="I33" s="8">
        <v>43756</v>
      </c>
    </row>
    <row r="34" spans="1:9" ht="24" x14ac:dyDescent="0.2">
      <c r="A34" s="4">
        <v>43556</v>
      </c>
      <c r="B34" s="5" t="s">
        <v>8</v>
      </c>
      <c r="C34" s="5" t="s">
        <v>9</v>
      </c>
      <c r="D34" s="6" t="s">
        <v>123</v>
      </c>
      <c r="E34" s="5" t="s">
        <v>124</v>
      </c>
      <c r="F34" s="7">
        <v>7560</v>
      </c>
      <c r="G34" s="5" t="s">
        <v>125</v>
      </c>
      <c r="H34" s="6" t="s">
        <v>33</v>
      </c>
      <c r="I34" s="8">
        <v>43759</v>
      </c>
    </row>
    <row r="35" spans="1:9" ht="24" x14ac:dyDescent="0.2">
      <c r="A35" s="4">
        <v>43556</v>
      </c>
      <c r="B35" s="5" t="s">
        <v>8</v>
      </c>
      <c r="C35" s="5" t="s">
        <v>9</v>
      </c>
      <c r="D35" s="6" t="s">
        <v>126</v>
      </c>
      <c r="E35" s="5" t="s">
        <v>127</v>
      </c>
      <c r="F35" s="7">
        <v>1485000</v>
      </c>
      <c r="G35" s="5" t="s">
        <v>128</v>
      </c>
      <c r="H35" s="6" t="s">
        <v>129</v>
      </c>
      <c r="I35" s="8">
        <v>43759</v>
      </c>
    </row>
    <row r="36" spans="1:9" ht="24" x14ac:dyDescent="0.2">
      <c r="A36" s="4">
        <v>43556</v>
      </c>
      <c r="B36" s="5" t="s">
        <v>8</v>
      </c>
      <c r="C36" s="5" t="s">
        <v>9</v>
      </c>
      <c r="D36" s="6" t="s">
        <v>130</v>
      </c>
      <c r="E36" s="5" t="s">
        <v>131</v>
      </c>
      <c r="F36" s="7">
        <v>3060285</v>
      </c>
      <c r="G36" s="5" t="s">
        <v>132</v>
      </c>
      <c r="H36" s="6" t="s">
        <v>133</v>
      </c>
      <c r="I36" s="8">
        <v>43759</v>
      </c>
    </row>
    <row r="37" spans="1:9" ht="24" x14ac:dyDescent="0.2">
      <c r="A37" s="4">
        <v>43556</v>
      </c>
      <c r="B37" s="5" t="s">
        <v>8</v>
      </c>
      <c r="C37" s="5" t="s">
        <v>9</v>
      </c>
      <c r="D37" s="6" t="s">
        <v>134</v>
      </c>
      <c r="E37" s="5" t="s">
        <v>135</v>
      </c>
      <c r="F37" s="7">
        <v>2328225</v>
      </c>
      <c r="G37" s="5" t="s">
        <v>136</v>
      </c>
      <c r="H37" s="6" t="s">
        <v>137</v>
      </c>
      <c r="I37" s="8">
        <v>43759</v>
      </c>
    </row>
    <row r="38" spans="1:9" ht="24" x14ac:dyDescent="0.2">
      <c r="A38" s="4">
        <v>43556</v>
      </c>
      <c r="B38" s="5" t="s">
        <v>8</v>
      </c>
      <c r="C38" s="5" t="s">
        <v>9</v>
      </c>
      <c r="D38" s="6" t="s">
        <v>138</v>
      </c>
      <c r="E38" s="5" t="s">
        <v>139</v>
      </c>
      <c r="F38" s="7">
        <v>4000</v>
      </c>
      <c r="G38" s="5" t="s">
        <v>2491</v>
      </c>
      <c r="H38" s="6" t="s">
        <v>33</v>
      </c>
      <c r="I38" s="8">
        <v>43759</v>
      </c>
    </row>
    <row r="39" spans="1:9" ht="24" x14ac:dyDescent="0.2">
      <c r="A39" s="4">
        <v>43556</v>
      </c>
      <c r="B39" s="5" t="s">
        <v>8</v>
      </c>
      <c r="C39" s="5" t="s">
        <v>9</v>
      </c>
      <c r="D39" s="6" t="s">
        <v>140</v>
      </c>
      <c r="E39" s="5" t="s">
        <v>141</v>
      </c>
      <c r="F39" s="7">
        <v>7623</v>
      </c>
      <c r="G39" s="5" t="s">
        <v>142</v>
      </c>
      <c r="H39" s="6" t="s">
        <v>143</v>
      </c>
      <c r="I39" s="8">
        <v>43759</v>
      </c>
    </row>
    <row r="40" spans="1:9" ht="24" x14ac:dyDescent="0.2">
      <c r="A40" s="4">
        <v>43556</v>
      </c>
      <c r="B40" s="5" t="s">
        <v>8</v>
      </c>
      <c r="C40" s="5" t="s">
        <v>9</v>
      </c>
      <c r="D40" s="6" t="s">
        <v>144</v>
      </c>
      <c r="E40" s="5" t="s">
        <v>145</v>
      </c>
      <c r="F40" s="7">
        <v>17248</v>
      </c>
      <c r="G40" s="5" t="s">
        <v>117</v>
      </c>
      <c r="H40" s="6" t="s">
        <v>118</v>
      </c>
      <c r="I40" s="8">
        <v>43761</v>
      </c>
    </row>
    <row r="41" spans="1:9" ht="24" x14ac:dyDescent="0.2">
      <c r="A41" s="4">
        <v>43556</v>
      </c>
      <c r="B41" s="5" t="s">
        <v>8</v>
      </c>
      <c r="C41" s="5" t="s">
        <v>9</v>
      </c>
      <c r="D41" s="6" t="s">
        <v>146</v>
      </c>
      <c r="E41" s="5" t="s">
        <v>147</v>
      </c>
      <c r="F41" s="7">
        <v>224180</v>
      </c>
      <c r="G41" s="5" t="s">
        <v>148</v>
      </c>
      <c r="H41" s="6" t="s">
        <v>149</v>
      </c>
      <c r="I41" s="8">
        <v>43761</v>
      </c>
    </row>
    <row r="42" spans="1:9" ht="24" x14ac:dyDescent="0.2">
      <c r="A42" s="4">
        <v>43556</v>
      </c>
      <c r="B42" s="5" t="s">
        <v>8</v>
      </c>
      <c r="C42" s="5" t="s">
        <v>9</v>
      </c>
      <c r="D42" s="6" t="s">
        <v>150</v>
      </c>
      <c r="E42" s="5" t="s">
        <v>151</v>
      </c>
      <c r="F42" s="7">
        <v>2079</v>
      </c>
      <c r="G42" s="5" t="s">
        <v>152</v>
      </c>
      <c r="H42" s="6" t="s">
        <v>153</v>
      </c>
      <c r="I42" s="8">
        <v>43761</v>
      </c>
    </row>
    <row r="43" spans="1:9" ht="24" x14ac:dyDescent="0.2">
      <c r="A43" s="4">
        <v>43556</v>
      </c>
      <c r="B43" s="5" t="s">
        <v>8</v>
      </c>
      <c r="C43" s="5" t="s">
        <v>9</v>
      </c>
      <c r="D43" s="6" t="s">
        <v>154</v>
      </c>
      <c r="E43" s="5" t="s">
        <v>155</v>
      </c>
      <c r="F43" s="7">
        <v>1548250</v>
      </c>
      <c r="G43" s="5" t="s">
        <v>156</v>
      </c>
      <c r="H43" s="6" t="s">
        <v>157</v>
      </c>
      <c r="I43" s="8">
        <v>43762</v>
      </c>
    </row>
    <row r="44" spans="1:9" ht="24" x14ac:dyDescent="0.2">
      <c r="A44" s="4">
        <v>43556</v>
      </c>
      <c r="B44" s="5" t="s">
        <v>8</v>
      </c>
      <c r="C44" s="5" t="s">
        <v>9</v>
      </c>
      <c r="D44" s="6" t="s">
        <v>158</v>
      </c>
      <c r="E44" s="5" t="s">
        <v>159</v>
      </c>
      <c r="F44" s="7">
        <v>12815</v>
      </c>
      <c r="G44" s="5" t="s">
        <v>160</v>
      </c>
      <c r="H44" s="6" t="s">
        <v>161</v>
      </c>
      <c r="I44" s="8">
        <v>43763</v>
      </c>
    </row>
    <row r="45" spans="1:9" ht="24" x14ac:dyDescent="0.2">
      <c r="A45" s="4">
        <v>43556</v>
      </c>
      <c r="B45" s="5" t="s">
        <v>8</v>
      </c>
      <c r="C45" s="5" t="s">
        <v>9</v>
      </c>
      <c r="D45" s="6" t="s">
        <v>162</v>
      </c>
      <c r="E45" s="5" t="s">
        <v>163</v>
      </c>
      <c r="F45" s="7">
        <v>107954</v>
      </c>
      <c r="G45" s="5" t="s">
        <v>164</v>
      </c>
      <c r="H45" s="6" t="s">
        <v>165</v>
      </c>
      <c r="I45" s="8">
        <v>43763</v>
      </c>
    </row>
    <row r="46" spans="1:9" ht="24" x14ac:dyDescent="0.2">
      <c r="A46" s="4">
        <v>43556</v>
      </c>
      <c r="B46" s="5" t="s">
        <v>8</v>
      </c>
      <c r="C46" s="5" t="s">
        <v>9</v>
      </c>
      <c r="D46" s="6" t="s">
        <v>166</v>
      </c>
      <c r="E46" s="5" t="s">
        <v>39</v>
      </c>
      <c r="F46" s="7">
        <v>101420</v>
      </c>
      <c r="G46" s="5" t="s">
        <v>40</v>
      </c>
      <c r="H46" s="6" t="s">
        <v>41</v>
      </c>
      <c r="I46" s="8">
        <v>43763</v>
      </c>
    </row>
    <row r="47" spans="1:9" ht="24" x14ac:dyDescent="0.2">
      <c r="A47" s="4">
        <v>43556</v>
      </c>
      <c r="B47" s="5" t="s">
        <v>8</v>
      </c>
      <c r="C47" s="5" t="s">
        <v>9</v>
      </c>
      <c r="D47" s="6" t="s">
        <v>167</v>
      </c>
      <c r="E47" s="5" t="s">
        <v>168</v>
      </c>
      <c r="F47" s="7">
        <v>48400</v>
      </c>
      <c r="G47" s="5" t="s">
        <v>169</v>
      </c>
      <c r="H47" s="6" t="s">
        <v>170</v>
      </c>
      <c r="I47" s="8">
        <v>43766</v>
      </c>
    </row>
    <row r="48" spans="1:9" x14ac:dyDescent="0.2">
      <c r="A48" s="4">
        <v>43556</v>
      </c>
      <c r="B48" s="5" t="s">
        <v>8</v>
      </c>
      <c r="C48" s="5" t="s">
        <v>9</v>
      </c>
      <c r="D48" s="6" t="s">
        <v>171</v>
      </c>
      <c r="E48" s="5" t="s">
        <v>172</v>
      </c>
      <c r="F48" s="7">
        <v>38225</v>
      </c>
      <c r="G48" s="5" t="s">
        <v>173</v>
      </c>
      <c r="H48" s="6" t="s">
        <v>33</v>
      </c>
      <c r="I48" s="8">
        <v>43767</v>
      </c>
    </row>
    <row r="49" spans="1:9" ht="36" x14ac:dyDescent="0.2">
      <c r="A49" s="4">
        <v>43556</v>
      </c>
      <c r="B49" s="5" t="s">
        <v>8</v>
      </c>
      <c r="C49" s="5" t="s">
        <v>9</v>
      </c>
      <c r="D49" s="6" t="s">
        <v>174</v>
      </c>
      <c r="E49" s="5" t="s">
        <v>175</v>
      </c>
      <c r="F49" s="7">
        <v>48400</v>
      </c>
      <c r="G49" s="5" t="s">
        <v>176</v>
      </c>
      <c r="H49" s="6" t="s">
        <v>177</v>
      </c>
      <c r="I49" s="8">
        <v>43767</v>
      </c>
    </row>
    <row r="50" spans="1:9" ht="24" x14ac:dyDescent="0.2">
      <c r="A50" s="4">
        <v>43556</v>
      </c>
      <c r="B50" s="5" t="s">
        <v>8</v>
      </c>
      <c r="C50" s="5" t="s">
        <v>9</v>
      </c>
      <c r="D50" s="6" t="s">
        <v>178</v>
      </c>
      <c r="E50" s="5" t="s">
        <v>179</v>
      </c>
      <c r="F50" s="7">
        <v>68029</v>
      </c>
      <c r="G50" s="5" t="s">
        <v>96</v>
      </c>
      <c r="H50" s="6" t="s">
        <v>97</v>
      </c>
      <c r="I50" s="8">
        <v>43767</v>
      </c>
    </row>
    <row r="51" spans="1:9" ht="24" x14ac:dyDescent="0.2">
      <c r="A51" s="4">
        <v>43556</v>
      </c>
      <c r="B51" s="5" t="s">
        <v>8</v>
      </c>
      <c r="C51" s="5" t="s">
        <v>9</v>
      </c>
      <c r="D51" s="6" t="s">
        <v>180</v>
      </c>
      <c r="E51" s="5" t="s">
        <v>181</v>
      </c>
      <c r="F51" s="7">
        <v>33000</v>
      </c>
      <c r="G51" s="5" t="s">
        <v>182</v>
      </c>
      <c r="H51" s="6" t="s">
        <v>183</v>
      </c>
      <c r="I51" s="8">
        <v>43767</v>
      </c>
    </row>
    <row r="52" spans="1:9" ht="24" x14ac:dyDescent="0.2">
      <c r="A52" s="4">
        <v>43556</v>
      </c>
      <c r="B52" s="5" t="s">
        <v>8</v>
      </c>
      <c r="C52" s="5" t="s">
        <v>9</v>
      </c>
      <c r="D52" s="6" t="s">
        <v>184</v>
      </c>
      <c r="E52" s="5" t="s">
        <v>185</v>
      </c>
      <c r="F52" s="7">
        <v>32296</v>
      </c>
      <c r="G52" s="5" t="s">
        <v>186</v>
      </c>
      <c r="H52" s="6" t="s">
        <v>187</v>
      </c>
      <c r="I52" s="8">
        <v>43767</v>
      </c>
    </row>
    <row r="53" spans="1:9" ht="24" x14ac:dyDescent="0.2">
      <c r="A53" s="4">
        <v>43556</v>
      </c>
      <c r="B53" s="5" t="s">
        <v>8</v>
      </c>
      <c r="C53" s="5" t="s">
        <v>9</v>
      </c>
      <c r="D53" s="6" t="s">
        <v>188</v>
      </c>
      <c r="E53" s="5" t="s">
        <v>189</v>
      </c>
      <c r="F53" s="7">
        <v>16500</v>
      </c>
      <c r="G53" s="5" t="s">
        <v>190</v>
      </c>
      <c r="H53" s="6" t="s">
        <v>191</v>
      </c>
      <c r="I53" s="8">
        <v>43767</v>
      </c>
    </row>
    <row r="54" spans="1:9" ht="24" x14ac:dyDescent="0.2">
      <c r="A54" s="4">
        <v>43556</v>
      </c>
      <c r="B54" s="5" t="s">
        <v>8</v>
      </c>
      <c r="C54" s="5" t="s">
        <v>9</v>
      </c>
      <c r="D54" s="6" t="s">
        <v>192</v>
      </c>
      <c r="E54" s="5" t="s">
        <v>193</v>
      </c>
      <c r="F54" s="7">
        <v>150120</v>
      </c>
      <c r="G54" s="5" t="s">
        <v>194</v>
      </c>
      <c r="H54" s="6" t="s">
        <v>195</v>
      </c>
      <c r="I54" s="8">
        <v>43768</v>
      </c>
    </row>
    <row r="55" spans="1:9" ht="24" x14ac:dyDescent="0.2">
      <c r="A55" s="4">
        <v>43556</v>
      </c>
      <c r="B55" s="5" t="s">
        <v>8</v>
      </c>
      <c r="C55" s="5" t="s">
        <v>9</v>
      </c>
      <c r="D55" s="6" t="s">
        <v>196</v>
      </c>
      <c r="E55" s="5" t="s">
        <v>197</v>
      </c>
      <c r="F55" s="7">
        <v>2948</v>
      </c>
      <c r="G55" s="5" t="s">
        <v>198</v>
      </c>
      <c r="H55" s="6" t="s">
        <v>199</v>
      </c>
      <c r="I55" s="8">
        <v>43768</v>
      </c>
    </row>
    <row r="56" spans="1:9" ht="24" x14ac:dyDescent="0.2">
      <c r="A56" s="4">
        <v>43556</v>
      </c>
      <c r="B56" s="5" t="s">
        <v>8</v>
      </c>
      <c r="C56" s="5" t="s">
        <v>9</v>
      </c>
      <c r="D56" s="6" t="s">
        <v>200</v>
      </c>
      <c r="E56" s="5" t="s">
        <v>201</v>
      </c>
      <c r="F56" s="7">
        <v>45760</v>
      </c>
      <c r="G56" s="5" t="s">
        <v>202</v>
      </c>
      <c r="H56" s="6" t="s">
        <v>203</v>
      </c>
      <c r="I56" s="8">
        <v>43768</v>
      </c>
    </row>
    <row r="57" spans="1:9" ht="24" x14ac:dyDescent="0.2">
      <c r="A57" s="4">
        <v>43556</v>
      </c>
      <c r="B57" s="5" t="s">
        <v>8</v>
      </c>
      <c r="C57" s="5" t="s">
        <v>9</v>
      </c>
      <c r="D57" s="6" t="s">
        <v>204</v>
      </c>
      <c r="E57" s="5" t="s">
        <v>205</v>
      </c>
      <c r="F57" s="7">
        <v>38049</v>
      </c>
      <c r="G57" s="5" t="s">
        <v>206</v>
      </c>
      <c r="H57" s="6" t="s">
        <v>207</v>
      </c>
      <c r="I57" s="8">
        <v>43774</v>
      </c>
    </row>
    <row r="58" spans="1:9" ht="36" x14ac:dyDescent="0.2">
      <c r="A58" s="4">
        <v>43556</v>
      </c>
      <c r="B58" s="5" t="s">
        <v>8</v>
      </c>
      <c r="C58" s="5" t="s">
        <v>9</v>
      </c>
      <c r="D58" s="6" t="s">
        <v>208</v>
      </c>
      <c r="E58" s="5" t="s">
        <v>209</v>
      </c>
      <c r="F58" s="7">
        <v>27522</v>
      </c>
      <c r="G58" s="5" t="s">
        <v>210</v>
      </c>
      <c r="H58" s="6" t="s">
        <v>211</v>
      </c>
      <c r="I58" s="8">
        <v>43774</v>
      </c>
    </row>
    <row r="59" spans="1:9" ht="24" x14ac:dyDescent="0.2">
      <c r="A59" s="4">
        <v>43556</v>
      </c>
      <c r="B59" s="5" t="s">
        <v>8</v>
      </c>
      <c r="C59" s="5" t="s">
        <v>9</v>
      </c>
      <c r="D59" s="6" t="s">
        <v>212</v>
      </c>
      <c r="E59" s="5" t="s">
        <v>213</v>
      </c>
      <c r="F59" s="7">
        <v>43120</v>
      </c>
      <c r="G59" s="5" t="s">
        <v>214</v>
      </c>
      <c r="H59" s="6" t="s">
        <v>215</v>
      </c>
      <c r="I59" s="8">
        <v>43776</v>
      </c>
    </row>
    <row r="60" spans="1:9" ht="24" x14ac:dyDescent="0.2">
      <c r="A60" s="4">
        <v>43556</v>
      </c>
      <c r="B60" s="5" t="s">
        <v>8</v>
      </c>
      <c r="C60" s="5" t="s">
        <v>9</v>
      </c>
      <c r="D60" s="6" t="s">
        <v>216</v>
      </c>
      <c r="E60" s="5" t="s">
        <v>217</v>
      </c>
      <c r="F60" s="7">
        <v>49632</v>
      </c>
      <c r="G60" s="5" t="s">
        <v>218</v>
      </c>
      <c r="H60" s="6" t="s">
        <v>219</v>
      </c>
      <c r="I60" s="8">
        <v>43777</v>
      </c>
    </row>
    <row r="61" spans="1:9" ht="24" x14ac:dyDescent="0.2">
      <c r="A61" s="4">
        <v>43556</v>
      </c>
      <c r="B61" s="5" t="s">
        <v>8</v>
      </c>
      <c r="C61" s="5" t="s">
        <v>9</v>
      </c>
      <c r="D61" s="6" t="s">
        <v>220</v>
      </c>
      <c r="E61" s="5" t="s">
        <v>221</v>
      </c>
      <c r="F61" s="7">
        <v>5500</v>
      </c>
      <c r="G61" s="5" t="s">
        <v>61</v>
      </c>
      <c r="H61" s="6" t="s">
        <v>62</v>
      </c>
      <c r="I61" s="8">
        <v>43777</v>
      </c>
    </row>
    <row r="62" spans="1:9" ht="24" x14ac:dyDescent="0.2">
      <c r="A62" s="4">
        <v>43556</v>
      </c>
      <c r="B62" s="5" t="s">
        <v>8</v>
      </c>
      <c r="C62" s="5" t="s">
        <v>9</v>
      </c>
      <c r="D62" s="6" t="s">
        <v>222</v>
      </c>
      <c r="E62" s="5" t="s">
        <v>223</v>
      </c>
      <c r="F62" s="7">
        <v>43961</v>
      </c>
      <c r="G62" s="5" t="s">
        <v>224</v>
      </c>
      <c r="H62" s="6" t="s">
        <v>225</v>
      </c>
      <c r="I62" s="8">
        <v>43777</v>
      </c>
    </row>
    <row r="63" spans="1:9" ht="24" x14ac:dyDescent="0.2">
      <c r="A63" s="4">
        <v>43556</v>
      </c>
      <c r="B63" s="5" t="s">
        <v>8</v>
      </c>
      <c r="C63" s="5" t="s">
        <v>9</v>
      </c>
      <c r="D63" s="6" t="s">
        <v>226</v>
      </c>
      <c r="E63" s="5" t="s">
        <v>223</v>
      </c>
      <c r="F63" s="7">
        <v>51205</v>
      </c>
      <c r="G63" s="5" t="s">
        <v>227</v>
      </c>
      <c r="H63" s="6" t="s">
        <v>207</v>
      </c>
      <c r="I63" s="8">
        <v>43781</v>
      </c>
    </row>
    <row r="64" spans="1:9" ht="24" x14ac:dyDescent="0.2">
      <c r="A64" s="4">
        <v>43556</v>
      </c>
      <c r="B64" s="5" t="s">
        <v>8</v>
      </c>
      <c r="C64" s="5" t="s">
        <v>9</v>
      </c>
      <c r="D64" s="6" t="s">
        <v>228</v>
      </c>
      <c r="E64" s="5" t="s">
        <v>229</v>
      </c>
      <c r="F64" s="7">
        <v>13134</v>
      </c>
      <c r="G64" s="5" t="s">
        <v>230</v>
      </c>
      <c r="H64" s="6" t="s">
        <v>231</v>
      </c>
      <c r="I64" s="8">
        <v>43781</v>
      </c>
    </row>
    <row r="65" spans="1:9" ht="24" x14ac:dyDescent="0.2">
      <c r="A65" s="4">
        <v>43556</v>
      </c>
      <c r="B65" s="5" t="s">
        <v>8</v>
      </c>
      <c r="C65" s="5" t="s">
        <v>9</v>
      </c>
      <c r="D65" s="6" t="s">
        <v>232</v>
      </c>
      <c r="E65" s="5" t="s">
        <v>233</v>
      </c>
      <c r="F65" s="7">
        <v>49610</v>
      </c>
      <c r="G65" s="5" t="s">
        <v>234</v>
      </c>
      <c r="H65" s="6" t="s">
        <v>235</v>
      </c>
      <c r="I65" s="8">
        <v>43781</v>
      </c>
    </row>
    <row r="66" spans="1:9" ht="24" x14ac:dyDescent="0.2">
      <c r="A66" s="4">
        <v>43556</v>
      </c>
      <c r="B66" s="5" t="s">
        <v>8</v>
      </c>
      <c r="C66" s="5" t="s">
        <v>9</v>
      </c>
      <c r="D66" s="6" t="s">
        <v>236</v>
      </c>
      <c r="E66" s="5" t="s">
        <v>237</v>
      </c>
      <c r="F66" s="7">
        <v>2993</v>
      </c>
      <c r="G66" s="5" t="s">
        <v>238</v>
      </c>
      <c r="H66" s="6" t="s">
        <v>239</v>
      </c>
      <c r="I66" s="8">
        <v>43781</v>
      </c>
    </row>
    <row r="67" spans="1:9" ht="24" x14ac:dyDescent="0.2">
      <c r="A67" s="4">
        <v>43556</v>
      </c>
      <c r="B67" s="5" t="s">
        <v>8</v>
      </c>
      <c r="C67" s="5" t="s">
        <v>9</v>
      </c>
      <c r="D67" s="6" t="s">
        <v>240</v>
      </c>
      <c r="E67" s="5" t="s">
        <v>241</v>
      </c>
      <c r="F67" s="7">
        <v>71500</v>
      </c>
      <c r="G67" s="5" t="s">
        <v>242</v>
      </c>
      <c r="H67" s="6" t="s">
        <v>243</v>
      </c>
      <c r="I67" s="8">
        <v>43781</v>
      </c>
    </row>
    <row r="68" spans="1:9" ht="24" x14ac:dyDescent="0.2">
      <c r="A68" s="4">
        <v>43556</v>
      </c>
      <c r="B68" s="5" t="s">
        <v>8</v>
      </c>
      <c r="C68" s="5" t="s">
        <v>9</v>
      </c>
      <c r="D68" s="6" t="s">
        <v>244</v>
      </c>
      <c r="E68" s="5" t="s">
        <v>245</v>
      </c>
      <c r="F68" s="7">
        <v>66000</v>
      </c>
      <c r="G68" s="5" t="s">
        <v>242</v>
      </c>
      <c r="H68" s="6" t="s">
        <v>243</v>
      </c>
      <c r="I68" s="8">
        <v>43781</v>
      </c>
    </row>
    <row r="69" spans="1:9" ht="24" x14ac:dyDescent="0.2">
      <c r="A69" s="4">
        <v>43556</v>
      </c>
      <c r="B69" s="5" t="s">
        <v>8</v>
      </c>
      <c r="C69" s="5" t="s">
        <v>9</v>
      </c>
      <c r="D69" s="6" t="s">
        <v>246</v>
      </c>
      <c r="E69" s="5" t="s">
        <v>247</v>
      </c>
      <c r="F69" s="7">
        <v>48840</v>
      </c>
      <c r="G69" s="5" t="s">
        <v>96</v>
      </c>
      <c r="H69" s="6" t="s">
        <v>97</v>
      </c>
      <c r="I69" s="8">
        <v>43781</v>
      </c>
    </row>
    <row r="70" spans="1:9" x14ac:dyDescent="0.2">
      <c r="A70" s="4">
        <v>43556</v>
      </c>
      <c r="B70" s="5" t="s">
        <v>8</v>
      </c>
      <c r="C70" s="5" t="s">
        <v>9</v>
      </c>
      <c r="D70" s="6" t="s">
        <v>248</v>
      </c>
      <c r="E70" s="5" t="s">
        <v>249</v>
      </c>
      <c r="F70" s="7">
        <v>2948</v>
      </c>
      <c r="G70" s="5" t="s">
        <v>250</v>
      </c>
      <c r="H70" s="6" t="s">
        <v>251</v>
      </c>
      <c r="I70" s="8">
        <v>43781</v>
      </c>
    </row>
    <row r="71" spans="1:9" ht="24" x14ac:dyDescent="0.2">
      <c r="A71" s="4">
        <v>43556</v>
      </c>
      <c r="B71" s="5" t="s">
        <v>8</v>
      </c>
      <c r="C71" s="5" t="s">
        <v>9</v>
      </c>
      <c r="D71" s="6" t="s">
        <v>252</v>
      </c>
      <c r="E71" s="5" t="s">
        <v>253</v>
      </c>
      <c r="F71" s="7">
        <v>45705</v>
      </c>
      <c r="G71" s="5" t="s">
        <v>254</v>
      </c>
      <c r="H71" s="6" t="s">
        <v>255</v>
      </c>
      <c r="I71" s="8">
        <v>43781</v>
      </c>
    </row>
    <row r="72" spans="1:9" ht="24" x14ac:dyDescent="0.2">
      <c r="A72" s="4">
        <v>43556</v>
      </c>
      <c r="B72" s="5" t="s">
        <v>8</v>
      </c>
      <c r="C72" s="5" t="s">
        <v>9</v>
      </c>
      <c r="D72" s="6" t="s">
        <v>256</v>
      </c>
      <c r="E72" s="5" t="s">
        <v>257</v>
      </c>
      <c r="F72" s="7">
        <v>1222</v>
      </c>
      <c r="G72" s="5" t="s">
        <v>117</v>
      </c>
      <c r="H72" s="6" t="s">
        <v>118</v>
      </c>
      <c r="I72" s="8">
        <v>43781</v>
      </c>
    </row>
    <row r="73" spans="1:9" ht="24" x14ac:dyDescent="0.2">
      <c r="A73" s="4">
        <v>43556</v>
      </c>
      <c r="B73" s="5" t="s">
        <v>8</v>
      </c>
      <c r="C73" s="5" t="s">
        <v>9</v>
      </c>
      <c r="D73" s="6" t="s">
        <v>258</v>
      </c>
      <c r="E73" s="5" t="s">
        <v>259</v>
      </c>
      <c r="F73" s="7">
        <v>30250</v>
      </c>
      <c r="G73" s="5" t="s">
        <v>260</v>
      </c>
      <c r="H73" s="6" t="s">
        <v>261</v>
      </c>
      <c r="I73" s="8">
        <v>43781</v>
      </c>
    </row>
    <row r="74" spans="1:9" ht="24" x14ac:dyDescent="0.2">
      <c r="A74" s="4">
        <v>43556</v>
      </c>
      <c r="B74" s="5" t="s">
        <v>8</v>
      </c>
      <c r="C74" s="5" t="s">
        <v>9</v>
      </c>
      <c r="D74" s="6" t="s">
        <v>262</v>
      </c>
      <c r="E74" s="5" t="s">
        <v>263</v>
      </c>
      <c r="F74" s="7">
        <v>938190</v>
      </c>
      <c r="G74" s="5" t="s">
        <v>264</v>
      </c>
      <c r="H74" s="6" t="s">
        <v>265</v>
      </c>
      <c r="I74" s="8">
        <v>43781</v>
      </c>
    </row>
    <row r="75" spans="1:9" ht="24" x14ac:dyDescent="0.2">
      <c r="A75" s="4">
        <v>43556</v>
      </c>
      <c r="B75" s="5" t="s">
        <v>8</v>
      </c>
      <c r="C75" s="5" t="s">
        <v>9</v>
      </c>
      <c r="D75" s="6" t="s">
        <v>266</v>
      </c>
      <c r="E75" s="5" t="s">
        <v>267</v>
      </c>
      <c r="F75" s="7">
        <v>820820</v>
      </c>
      <c r="G75" s="5" t="s">
        <v>57</v>
      </c>
      <c r="H75" s="6" t="s">
        <v>58</v>
      </c>
      <c r="I75" s="8">
        <v>43782</v>
      </c>
    </row>
    <row r="76" spans="1:9" ht="24" x14ac:dyDescent="0.2">
      <c r="A76" s="4">
        <v>43556</v>
      </c>
      <c r="B76" s="5" t="s">
        <v>8</v>
      </c>
      <c r="C76" s="5" t="s">
        <v>9</v>
      </c>
      <c r="D76" s="6" t="s">
        <v>268</v>
      </c>
      <c r="E76" s="5" t="s">
        <v>269</v>
      </c>
      <c r="F76" s="7">
        <v>21450</v>
      </c>
      <c r="G76" s="5" t="s">
        <v>270</v>
      </c>
      <c r="H76" s="6" t="s">
        <v>271</v>
      </c>
      <c r="I76" s="8">
        <v>43783</v>
      </c>
    </row>
    <row r="77" spans="1:9" ht="24" x14ac:dyDescent="0.2">
      <c r="A77" s="4">
        <v>43556</v>
      </c>
      <c r="B77" s="5" t="s">
        <v>8</v>
      </c>
      <c r="C77" s="5" t="s">
        <v>9</v>
      </c>
      <c r="D77" s="6" t="s">
        <v>272</v>
      </c>
      <c r="E77" s="5" t="s">
        <v>273</v>
      </c>
      <c r="F77" s="7">
        <v>10010</v>
      </c>
      <c r="G77" s="5" t="s">
        <v>274</v>
      </c>
      <c r="H77" s="6" t="s">
        <v>275</v>
      </c>
      <c r="I77" s="8">
        <v>43783</v>
      </c>
    </row>
    <row r="78" spans="1:9" ht="24" x14ac:dyDescent="0.2">
      <c r="A78" s="4">
        <v>43556</v>
      </c>
      <c r="B78" s="5" t="s">
        <v>8</v>
      </c>
      <c r="C78" s="5" t="s">
        <v>9</v>
      </c>
      <c r="D78" s="6" t="s">
        <v>276</v>
      </c>
      <c r="E78" s="5" t="s">
        <v>277</v>
      </c>
      <c r="F78" s="7">
        <v>54626</v>
      </c>
      <c r="G78" s="5" t="s">
        <v>117</v>
      </c>
      <c r="H78" s="6" t="s">
        <v>118</v>
      </c>
      <c r="I78" s="8">
        <v>43783</v>
      </c>
    </row>
    <row r="79" spans="1:9" ht="24" x14ac:dyDescent="0.2">
      <c r="A79" s="4">
        <v>43556</v>
      </c>
      <c r="B79" s="5" t="s">
        <v>8</v>
      </c>
      <c r="C79" s="5" t="s">
        <v>9</v>
      </c>
      <c r="D79" s="6" t="s">
        <v>278</v>
      </c>
      <c r="E79" s="5" t="s">
        <v>279</v>
      </c>
      <c r="F79" s="7">
        <v>40040</v>
      </c>
      <c r="G79" s="5" t="s">
        <v>280</v>
      </c>
      <c r="H79" s="6" t="s">
        <v>281</v>
      </c>
      <c r="I79" s="8">
        <v>43783</v>
      </c>
    </row>
    <row r="80" spans="1:9" ht="24" x14ac:dyDescent="0.2">
      <c r="A80" s="4">
        <v>43556</v>
      </c>
      <c r="B80" s="5" t="s">
        <v>8</v>
      </c>
      <c r="C80" s="5" t="s">
        <v>9</v>
      </c>
      <c r="D80" s="6" t="s">
        <v>282</v>
      </c>
      <c r="E80" s="5" t="s">
        <v>283</v>
      </c>
      <c r="F80" s="7">
        <v>29700</v>
      </c>
      <c r="G80" s="5" t="s">
        <v>284</v>
      </c>
      <c r="H80" s="6" t="s">
        <v>285</v>
      </c>
      <c r="I80" s="8">
        <v>43783</v>
      </c>
    </row>
    <row r="81" spans="1:9" ht="24" x14ac:dyDescent="0.2">
      <c r="A81" s="4">
        <v>43556</v>
      </c>
      <c r="B81" s="5" t="s">
        <v>8</v>
      </c>
      <c r="C81" s="5" t="s">
        <v>9</v>
      </c>
      <c r="D81" s="6" t="s">
        <v>286</v>
      </c>
      <c r="E81" s="5" t="s">
        <v>287</v>
      </c>
      <c r="F81" s="7">
        <v>152955</v>
      </c>
      <c r="G81" s="5" t="s">
        <v>67</v>
      </c>
      <c r="H81" s="6" t="s">
        <v>68</v>
      </c>
      <c r="I81" s="8">
        <v>43787</v>
      </c>
    </row>
    <row r="82" spans="1:9" ht="24" x14ac:dyDescent="0.2">
      <c r="A82" s="4">
        <v>43556</v>
      </c>
      <c r="B82" s="5" t="s">
        <v>8</v>
      </c>
      <c r="C82" s="5" t="s">
        <v>9</v>
      </c>
      <c r="D82" s="6" t="s">
        <v>288</v>
      </c>
      <c r="E82" s="5" t="s">
        <v>289</v>
      </c>
      <c r="F82" s="7">
        <v>233409</v>
      </c>
      <c r="G82" s="5" t="s">
        <v>16</v>
      </c>
      <c r="H82" s="6" t="s">
        <v>17</v>
      </c>
      <c r="I82" s="8">
        <v>43787</v>
      </c>
    </row>
    <row r="83" spans="1:9" ht="24" x14ac:dyDescent="0.2">
      <c r="A83" s="4">
        <v>43556</v>
      </c>
      <c r="B83" s="5" t="s">
        <v>8</v>
      </c>
      <c r="C83" s="5" t="s">
        <v>9</v>
      </c>
      <c r="D83" s="6" t="s">
        <v>290</v>
      </c>
      <c r="E83" s="5" t="s">
        <v>291</v>
      </c>
      <c r="F83" s="7">
        <v>467830</v>
      </c>
      <c r="G83" s="5" t="s">
        <v>79</v>
      </c>
      <c r="H83" s="6" t="s">
        <v>80</v>
      </c>
      <c r="I83" s="8">
        <v>43787</v>
      </c>
    </row>
    <row r="84" spans="1:9" ht="24" x14ac:dyDescent="0.2">
      <c r="A84" s="4">
        <v>43556</v>
      </c>
      <c r="B84" s="5" t="s">
        <v>8</v>
      </c>
      <c r="C84" s="5" t="s">
        <v>9</v>
      </c>
      <c r="D84" s="6" t="s">
        <v>292</v>
      </c>
      <c r="E84" s="5" t="s">
        <v>293</v>
      </c>
      <c r="F84" s="7">
        <v>1899</v>
      </c>
      <c r="G84" s="5" t="s">
        <v>294</v>
      </c>
      <c r="H84" s="6" t="s">
        <v>295</v>
      </c>
      <c r="I84" s="8">
        <v>43787</v>
      </c>
    </row>
    <row r="85" spans="1:9" ht="24" x14ac:dyDescent="0.2">
      <c r="A85" s="4">
        <v>43556</v>
      </c>
      <c r="B85" s="5" t="s">
        <v>8</v>
      </c>
      <c r="C85" s="5" t="s">
        <v>9</v>
      </c>
      <c r="D85" s="6" t="s">
        <v>296</v>
      </c>
      <c r="E85" s="5" t="s">
        <v>297</v>
      </c>
      <c r="F85" s="7">
        <v>7700</v>
      </c>
      <c r="G85" s="5" t="s">
        <v>125</v>
      </c>
      <c r="H85" s="6" t="s">
        <v>33</v>
      </c>
      <c r="I85" s="8">
        <v>43787</v>
      </c>
    </row>
    <row r="86" spans="1:9" ht="24" x14ac:dyDescent="0.2">
      <c r="A86" s="4">
        <v>43556</v>
      </c>
      <c r="B86" s="5" t="s">
        <v>8</v>
      </c>
      <c r="C86" s="5" t="s">
        <v>9</v>
      </c>
      <c r="D86" s="6" t="s">
        <v>298</v>
      </c>
      <c r="E86" s="5" t="s">
        <v>299</v>
      </c>
      <c r="F86" s="7">
        <v>24750</v>
      </c>
      <c r="G86" s="5" t="s">
        <v>40</v>
      </c>
      <c r="H86" s="6" t="s">
        <v>41</v>
      </c>
      <c r="I86" s="8">
        <v>43787</v>
      </c>
    </row>
    <row r="87" spans="1:9" ht="24" x14ac:dyDescent="0.2">
      <c r="A87" s="4">
        <v>43556</v>
      </c>
      <c r="B87" s="5" t="s">
        <v>8</v>
      </c>
      <c r="C87" s="5" t="s">
        <v>9</v>
      </c>
      <c r="D87" s="6" t="s">
        <v>300</v>
      </c>
      <c r="E87" s="5" t="s">
        <v>301</v>
      </c>
      <c r="F87" s="7">
        <v>52261</v>
      </c>
      <c r="G87" s="5" t="s">
        <v>24</v>
      </c>
      <c r="H87" s="6" t="s">
        <v>25</v>
      </c>
      <c r="I87" s="8">
        <v>43788</v>
      </c>
    </row>
    <row r="88" spans="1:9" ht="24" x14ac:dyDescent="0.2">
      <c r="A88" s="4">
        <v>43556</v>
      </c>
      <c r="B88" s="5" t="s">
        <v>8</v>
      </c>
      <c r="C88" s="5" t="s">
        <v>9</v>
      </c>
      <c r="D88" s="6" t="s">
        <v>302</v>
      </c>
      <c r="E88" s="5" t="s">
        <v>303</v>
      </c>
      <c r="F88" s="7">
        <v>75900</v>
      </c>
      <c r="G88" s="5" t="s">
        <v>304</v>
      </c>
      <c r="H88" s="6" t="s">
        <v>305</v>
      </c>
      <c r="I88" s="8">
        <v>43788</v>
      </c>
    </row>
    <row r="89" spans="1:9" ht="24" x14ac:dyDescent="0.2">
      <c r="A89" s="4">
        <v>43556</v>
      </c>
      <c r="B89" s="5" t="s">
        <v>8</v>
      </c>
      <c r="C89" s="5" t="s">
        <v>9</v>
      </c>
      <c r="D89" s="6" t="s">
        <v>306</v>
      </c>
      <c r="E89" s="5" t="s">
        <v>307</v>
      </c>
      <c r="F89" s="7">
        <v>1169993</v>
      </c>
      <c r="G89" s="5" t="s">
        <v>111</v>
      </c>
      <c r="H89" s="6" t="s">
        <v>112</v>
      </c>
      <c r="I89" s="8">
        <v>43789</v>
      </c>
    </row>
    <row r="90" spans="1:9" ht="24" x14ac:dyDescent="0.2">
      <c r="A90" s="4">
        <v>43556</v>
      </c>
      <c r="B90" s="5" t="s">
        <v>8</v>
      </c>
      <c r="C90" s="5" t="s">
        <v>9</v>
      </c>
      <c r="D90" s="6" t="s">
        <v>308</v>
      </c>
      <c r="E90" s="5" t="s">
        <v>309</v>
      </c>
      <c r="F90" s="7">
        <v>83506</v>
      </c>
      <c r="G90" s="5" t="s">
        <v>142</v>
      </c>
      <c r="H90" s="6" t="s">
        <v>143</v>
      </c>
      <c r="I90" s="8">
        <v>43789</v>
      </c>
    </row>
    <row r="91" spans="1:9" ht="24" x14ac:dyDescent="0.2">
      <c r="A91" s="4">
        <v>43556</v>
      </c>
      <c r="B91" s="5" t="s">
        <v>8</v>
      </c>
      <c r="C91" s="5" t="s">
        <v>9</v>
      </c>
      <c r="D91" s="6" t="s">
        <v>310</v>
      </c>
      <c r="E91" s="5" t="s">
        <v>311</v>
      </c>
      <c r="F91" s="7">
        <v>43373</v>
      </c>
      <c r="G91" s="5" t="s">
        <v>83</v>
      </c>
      <c r="H91" s="6" t="s">
        <v>84</v>
      </c>
      <c r="I91" s="8">
        <v>43790</v>
      </c>
    </row>
    <row r="92" spans="1:9" ht="24" x14ac:dyDescent="0.2">
      <c r="A92" s="4">
        <v>43556</v>
      </c>
      <c r="B92" s="5" t="s">
        <v>8</v>
      </c>
      <c r="C92" s="5" t="s">
        <v>9</v>
      </c>
      <c r="D92" s="6" t="s">
        <v>312</v>
      </c>
      <c r="E92" s="5" t="s">
        <v>313</v>
      </c>
      <c r="F92" s="7">
        <v>229020</v>
      </c>
      <c r="G92" s="5" t="s">
        <v>71</v>
      </c>
      <c r="H92" s="6" t="s">
        <v>72</v>
      </c>
      <c r="I92" s="8">
        <v>43790</v>
      </c>
    </row>
    <row r="93" spans="1:9" ht="24" x14ac:dyDescent="0.2">
      <c r="A93" s="4">
        <v>43556</v>
      </c>
      <c r="B93" s="5" t="s">
        <v>8</v>
      </c>
      <c r="C93" s="5" t="s">
        <v>9</v>
      </c>
      <c r="D93" s="6" t="s">
        <v>314</v>
      </c>
      <c r="E93" s="5" t="s">
        <v>315</v>
      </c>
      <c r="F93" s="7">
        <v>4000</v>
      </c>
      <c r="G93" s="5" t="s">
        <v>2491</v>
      </c>
      <c r="H93" s="6" t="s">
        <v>33</v>
      </c>
      <c r="I93" s="8">
        <v>43790</v>
      </c>
    </row>
    <row r="94" spans="1:9" ht="24" x14ac:dyDescent="0.2">
      <c r="A94" s="4">
        <v>43556</v>
      </c>
      <c r="B94" s="5" t="s">
        <v>8</v>
      </c>
      <c r="C94" s="5" t="s">
        <v>9</v>
      </c>
      <c r="D94" s="6" t="s">
        <v>316</v>
      </c>
      <c r="E94" s="5" t="s">
        <v>317</v>
      </c>
      <c r="F94" s="7">
        <v>3251534</v>
      </c>
      <c r="G94" s="5" t="s">
        <v>61</v>
      </c>
      <c r="H94" s="6" t="s">
        <v>62</v>
      </c>
      <c r="I94" s="8">
        <v>43790</v>
      </c>
    </row>
    <row r="95" spans="1:9" ht="24" x14ac:dyDescent="0.2">
      <c r="A95" s="4">
        <v>43556</v>
      </c>
      <c r="B95" s="5" t="s">
        <v>8</v>
      </c>
      <c r="C95" s="5" t="s">
        <v>9</v>
      </c>
      <c r="D95" s="6" t="s">
        <v>318</v>
      </c>
      <c r="E95" s="5" t="s">
        <v>319</v>
      </c>
      <c r="F95" s="7">
        <v>49500</v>
      </c>
      <c r="G95" s="5" t="s">
        <v>320</v>
      </c>
      <c r="H95" s="6" t="s">
        <v>321</v>
      </c>
      <c r="I95" s="8">
        <v>43791</v>
      </c>
    </row>
    <row r="96" spans="1:9" ht="24" x14ac:dyDescent="0.2">
      <c r="A96" s="4">
        <v>43556</v>
      </c>
      <c r="B96" s="5" t="s">
        <v>8</v>
      </c>
      <c r="C96" s="5" t="s">
        <v>9</v>
      </c>
      <c r="D96" s="6" t="s">
        <v>322</v>
      </c>
      <c r="E96" s="5" t="s">
        <v>323</v>
      </c>
      <c r="F96" s="7">
        <v>7700</v>
      </c>
      <c r="G96" s="5" t="s">
        <v>324</v>
      </c>
      <c r="H96" s="6" t="s">
        <v>325</v>
      </c>
      <c r="I96" s="8">
        <v>43791</v>
      </c>
    </row>
    <row r="97" spans="1:9" ht="24" x14ac:dyDescent="0.2">
      <c r="A97" s="4">
        <v>43556</v>
      </c>
      <c r="B97" s="5" t="s">
        <v>8</v>
      </c>
      <c r="C97" s="5" t="s">
        <v>9</v>
      </c>
      <c r="D97" s="6" t="s">
        <v>326</v>
      </c>
      <c r="E97" s="5" t="s">
        <v>327</v>
      </c>
      <c r="F97" s="7">
        <v>15180</v>
      </c>
      <c r="G97" s="5" t="s">
        <v>328</v>
      </c>
      <c r="H97" s="6" t="s">
        <v>329</v>
      </c>
      <c r="I97" s="8">
        <v>43791</v>
      </c>
    </row>
    <row r="98" spans="1:9" ht="24" x14ac:dyDescent="0.2">
      <c r="A98" s="4">
        <v>43556</v>
      </c>
      <c r="B98" s="5" t="s">
        <v>8</v>
      </c>
      <c r="C98" s="5" t="s">
        <v>9</v>
      </c>
      <c r="D98" s="6" t="s">
        <v>330</v>
      </c>
      <c r="E98" s="5" t="s">
        <v>331</v>
      </c>
      <c r="F98" s="7">
        <v>11770</v>
      </c>
      <c r="G98" s="5" t="s">
        <v>332</v>
      </c>
      <c r="H98" s="6" t="s">
        <v>333</v>
      </c>
      <c r="I98" s="8">
        <v>43791</v>
      </c>
    </row>
    <row r="99" spans="1:9" ht="24" x14ac:dyDescent="0.2">
      <c r="A99" s="4">
        <v>43556</v>
      </c>
      <c r="B99" s="5" t="s">
        <v>8</v>
      </c>
      <c r="C99" s="5" t="s">
        <v>9</v>
      </c>
      <c r="D99" s="6" t="s">
        <v>334</v>
      </c>
      <c r="E99" s="5" t="s">
        <v>335</v>
      </c>
      <c r="F99" s="7">
        <v>4180</v>
      </c>
      <c r="G99" s="5" t="s">
        <v>336</v>
      </c>
      <c r="H99" s="6" t="s">
        <v>207</v>
      </c>
      <c r="I99" s="8">
        <v>43791</v>
      </c>
    </row>
    <row r="100" spans="1:9" ht="24" x14ac:dyDescent="0.2">
      <c r="A100" s="4">
        <v>43556</v>
      </c>
      <c r="B100" s="5" t="s">
        <v>8</v>
      </c>
      <c r="C100" s="5" t="s">
        <v>9</v>
      </c>
      <c r="D100" s="6" t="s">
        <v>337</v>
      </c>
      <c r="E100" s="5" t="s">
        <v>338</v>
      </c>
      <c r="F100" s="7">
        <v>10032</v>
      </c>
      <c r="G100" s="5" t="s">
        <v>160</v>
      </c>
      <c r="H100" s="6" t="s">
        <v>161</v>
      </c>
      <c r="I100" s="8">
        <v>43791</v>
      </c>
    </row>
    <row r="101" spans="1:9" ht="24" x14ac:dyDescent="0.2">
      <c r="A101" s="4">
        <v>43556</v>
      </c>
      <c r="B101" s="5" t="s">
        <v>8</v>
      </c>
      <c r="C101" s="5" t="s">
        <v>9</v>
      </c>
      <c r="D101" s="6" t="s">
        <v>339</v>
      </c>
      <c r="E101" s="5" t="s">
        <v>340</v>
      </c>
      <c r="F101" s="7">
        <v>110000</v>
      </c>
      <c r="G101" s="5" t="s">
        <v>341</v>
      </c>
      <c r="H101" s="6" t="s">
        <v>342</v>
      </c>
      <c r="I101" s="8">
        <v>43791</v>
      </c>
    </row>
    <row r="102" spans="1:9" ht="24" x14ac:dyDescent="0.2">
      <c r="A102" s="4">
        <v>43556</v>
      </c>
      <c r="B102" s="5" t="s">
        <v>8</v>
      </c>
      <c r="C102" s="5" t="s">
        <v>9</v>
      </c>
      <c r="D102" s="6" t="s">
        <v>343</v>
      </c>
      <c r="E102" s="5" t="s">
        <v>344</v>
      </c>
      <c r="F102" s="7">
        <v>47520</v>
      </c>
      <c r="G102" s="5" t="s">
        <v>117</v>
      </c>
      <c r="H102" s="6" t="s">
        <v>118</v>
      </c>
      <c r="I102" s="8">
        <v>43794</v>
      </c>
    </row>
    <row r="103" spans="1:9" ht="24" x14ac:dyDescent="0.2">
      <c r="A103" s="4">
        <v>43556</v>
      </c>
      <c r="B103" s="5" t="s">
        <v>8</v>
      </c>
      <c r="C103" s="5" t="s">
        <v>9</v>
      </c>
      <c r="D103" s="6" t="s">
        <v>345</v>
      </c>
      <c r="E103" s="5" t="s">
        <v>346</v>
      </c>
      <c r="F103" s="7">
        <v>7492</v>
      </c>
      <c r="G103" s="5" t="s">
        <v>347</v>
      </c>
      <c r="H103" s="6" t="s">
        <v>348</v>
      </c>
      <c r="I103" s="8">
        <v>43794</v>
      </c>
    </row>
    <row r="104" spans="1:9" ht="24" x14ac:dyDescent="0.2">
      <c r="A104" s="4">
        <v>43556</v>
      </c>
      <c r="B104" s="5" t="s">
        <v>8</v>
      </c>
      <c r="C104" s="5" t="s">
        <v>9</v>
      </c>
      <c r="D104" s="6" t="s">
        <v>349</v>
      </c>
      <c r="E104" s="5" t="s">
        <v>350</v>
      </c>
      <c r="F104" s="7">
        <v>20240</v>
      </c>
      <c r="G104" s="5" t="s">
        <v>351</v>
      </c>
      <c r="H104" s="6" t="s">
        <v>352</v>
      </c>
      <c r="I104" s="8">
        <v>43794</v>
      </c>
    </row>
    <row r="105" spans="1:9" ht="24" x14ac:dyDescent="0.2">
      <c r="A105" s="4">
        <v>43556</v>
      </c>
      <c r="B105" s="5" t="s">
        <v>8</v>
      </c>
      <c r="C105" s="5" t="s">
        <v>9</v>
      </c>
      <c r="D105" s="6" t="s">
        <v>353</v>
      </c>
      <c r="E105" s="5" t="s">
        <v>354</v>
      </c>
      <c r="F105" s="7">
        <v>8772</v>
      </c>
      <c r="G105" s="5" t="s">
        <v>355</v>
      </c>
      <c r="H105" s="6" t="s">
        <v>356</v>
      </c>
      <c r="I105" s="8">
        <v>43795</v>
      </c>
    </row>
    <row r="106" spans="1:9" ht="24" x14ac:dyDescent="0.2">
      <c r="A106" s="4">
        <v>43556</v>
      </c>
      <c r="B106" s="5" t="s">
        <v>8</v>
      </c>
      <c r="C106" s="5" t="s">
        <v>9</v>
      </c>
      <c r="D106" s="6" t="s">
        <v>357</v>
      </c>
      <c r="E106" s="5" t="s">
        <v>358</v>
      </c>
      <c r="F106" s="7">
        <v>51645</v>
      </c>
      <c r="G106" s="5" t="s">
        <v>117</v>
      </c>
      <c r="H106" s="6" t="s">
        <v>118</v>
      </c>
      <c r="I106" s="8">
        <v>43795</v>
      </c>
    </row>
    <row r="107" spans="1:9" ht="24" x14ac:dyDescent="0.2">
      <c r="A107" s="4">
        <v>43556</v>
      </c>
      <c r="B107" s="5" t="s">
        <v>8</v>
      </c>
      <c r="C107" s="5" t="s">
        <v>9</v>
      </c>
      <c r="D107" s="6" t="s">
        <v>359</v>
      </c>
      <c r="E107" s="5" t="s">
        <v>360</v>
      </c>
      <c r="F107" s="7">
        <v>36520</v>
      </c>
      <c r="G107" s="5" t="s">
        <v>361</v>
      </c>
      <c r="H107" s="6" t="s">
        <v>362</v>
      </c>
      <c r="I107" s="8">
        <v>43795</v>
      </c>
    </row>
    <row r="108" spans="1:9" ht="24" x14ac:dyDescent="0.2">
      <c r="A108" s="4">
        <v>43556</v>
      </c>
      <c r="B108" s="5" t="s">
        <v>8</v>
      </c>
      <c r="C108" s="5" t="s">
        <v>9</v>
      </c>
      <c r="D108" s="6" t="s">
        <v>363</v>
      </c>
      <c r="E108" s="5" t="s">
        <v>364</v>
      </c>
      <c r="F108" s="7">
        <v>4006021</v>
      </c>
      <c r="G108" s="5" t="s">
        <v>136</v>
      </c>
      <c r="H108" s="6" t="s">
        <v>137</v>
      </c>
      <c r="I108" s="8">
        <v>43796</v>
      </c>
    </row>
    <row r="109" spans="1:9" ht="24" x14ac:dyDescent="0.2">
      <c r="A109" s="4">
        <v>43556</v>
      </c>
      <c r="B109" s="5" t="s">
        <v>8</v>
      </c>
      <c r="C109" s="5" t="s">
        <v>9</v>
      </c>
      <c r="D109" s="6" t="s">
        <v>365</v>
      </c>
      <c r="E109" s="5" t="s">
        <v>366</v>
      </c>
      <c r="F109" s="7">
        <v>82212189</v>
      </c>
      <c r="G109" s="5" t="s">
        <v>12</v>
      </c>
      <c r="H109" s="6" t="s">
        <v>13</v>
      </c>
      <c r="I109" s="8">
        <v>43796</v>
      </c>
    </row>
    <row r="110" spans="1:9" ht="24" x14ac:dyDescent="0.2">
      <c r="A110" s="4">
        <v>43556</v>
      </c>
      <c r="B110" s="5" t="s">
        <v>8</v>
      </c>
      <c r="C110" s="5" t="s">
        <v>9</v>
      </c>
      <c r="D110" s="6" t="s">
        <v>367</v>
      </c>
      <c r="E110" s="5" t="s">
        <v>368</v>
      </c>
      <c r="F110" s="7">
        <v>23870</v>
      </c>
      <c r="G110" s="5" t="s">
        <v>369</v>
      </c>
      <c r="H110" s="6" t="s">
        <v>370</v>
      </c>
      <c r="I110" s="8">
        <v>43796</v>
      </c>
    </row>
    <row r="111" spans="1:9" x14ac:dyDescent="0.2">
      <c r="A111" s="4">
        <v>43556</v>
      </c>
      <c r="B111" s="5" t="s">
        <v>8</v>
      </c>
      <c r="C111" s="5" t="s">
        <v>9</v>
      </c>
      <c r="D111" s="6" t="s">
        <v>371</v>
      </c>
      <c r="E111" s="5" t="s">
        <v>372</v>
      </c>
      <c r="F111" s="7">
        <v>123200</v>
      </c>
      <c r="G111" s="5" t="s">
        <v>373</v>
      </c>
      <c r="H111" s="6" t="s">
        <v>374</v>
      </c>
      <c r="I111" s="8">
        <v>43797</v>
      </c>
    </row>
    <row r="112" spans="1:9" ht="24" x14ac:dyDescent="0.2">
      <c r="A112" s="4">
        <v>43556</v>
      </c>
      <c r="B112" s="5" t="s">
        <v>8</v>
      </c>
      <c r="C112" s="5" t="s">
        <v>9</v>
      </c>
      <c r="D112" s="6" t="s">
        <v>375</v>
      </c>
      <c r="E112" s="5" t="s">
        <v>376</v>
      </c>
      <c r="F112" s="7">
        <v>33858</v>
      </c>
      <c r="G112" s="5" t="s">
        <v>117</v>
      </c>
      <c r="H112" s="6" t="s">
        <v>118</v>
      </c>
      <c r="I112" s="8">
        <v>43798</v>
      </c>
    </row>
    <row r="113" spans="1:9" ht="24" x14ac:dyDescent="0.2">
      <c r="A113" s="4">
        <v>43556</v>
      </c>
      <c r="B113" s="5" t="s">
        <v>8</v>
      </c>
      <c r="C113" s="5" t="s">
        <v>9</v>
      </c>
      <c r="D113" s="6" t="s">
        <v>377</v>
      </c>
      <c r="E113" s="5" t="s">
        <v>378</v>
      </c>
      <c r="F113" s="7">
        <v>46200</v>
      </c>
      <c r="G113" s="5" t="s">
        <v>379</v>
      </c>
      <c r="H113" s="6" t="s">
        <v>380</v>
      </c>
      <c r="I113" s="8">
        <v>43798</v>
      </c>
    </row>
    <row r="114" spans="1:9" ht="24" x14ac:dyDescent="0.2">
      <c r="A114" s="4">
        <v>43556</v>
      </c>
      <c r="B114" s="5" t="s">
        <v>8</v>
      </c>
      <c r="C114" s="5" t="s">
        <v>9</v>
      </c>
      <c r="D114" s="6" t="s">
        <v>381</v>
      </c>
      <c r="E114" s="5" t="s">
        <v>382</v>
      </c>
      <c r="F114" s="7">
        <v>13200</v>
      </c>
      <c r="G114" s="5" t="s">
        <v>53</v>
      </c>
      <c r="H114" s="6" t="s">
        <v>54</v>
      </c>
      <c r="I114" s="8">
        <v>43798</v>
      </c>
    </row>
    <row r="115" spans="1:9" ht="24" x14ac:dyDescent="0.2">
      <c r="A115" s="4">
        <v>43556</v>
      </c>
      <c r="B115" s="5" t="s">
        <v>8</v>
      </c>
      <c r="C115" s="5" t="s">
        <v>9</v>
      </c>
      <c r="D115" s="6" t="s">
        <v>383</v>
      </c>
      <c r="E115" s="5" t="s">
        <v>384</v>
      </c>
      <c r="F115" s="7">
        <v>77110</v>
      </c>
      <c r="G115" s="5" t="s">
        <v>40</v>
      </c>
      <c r="H115" s="6" t="s">
        <v>41</v>
      </c>
      <c r="I115" s="8">
        <v>43798</v>
      </c>
    </row>
    <row r="116" spans="1:9" ht="24" x14ac:dyDescent="0.2">
      <c r="A116" s="4">
        <v>43556</v>
      </c>
      <c r="B116" s="5" t="s">
        <v>8</v>
      </c>
      <c r="C116" s="5" t="s">
        <v>9</v>
      </c>
      <c r="D116" s="6" t="s">
        <v>385</v>
      </c>
      <c r="E116" s="5" t="s">
        <v>386</v>
      </c>
      <c r="F116" s="7">
        <v>242550</v>
      </c>
      <c r="G116" s="5" t="s">
        <v>387</v>
      </c>
      <c r="H116" s="6" t="s">
        <v>388</v>
      </c>
      <c r="I116" s="8">
        <v>43801</v>
      </c>
    </row>
    <row r="117" spans="1:9" ht="24" x14ac:dyDescent="0.2">
      <c r="A117" s="4">
        <v>43556</v>
      </c>
      <c r="B117" s="5" t="s">
        <v>8</v>
      </c>
      <c r="C117" s="5" t="s">
        <v>9</v>
      </c>
      <c r="D117" s="6" t="s">
        <v>389</v>
      </c>
      <c r="E117" s="5" t="s">
        <v>390</v>
      </c>
      <c r="F117" s="7">
        <v>55444</v>
      </c>
      <c r="G117" s="5" t="s">
        <v>328</v>
      </c>
      <c r="H117" s="6" t="s">
        <v>329</v>
      </c>
      <c r="I117" s="8">
        <v>43801</v>
      </c>
    </row>
    <row r="118" spans="1:9" ht="24" x14ac:dyDescent="0.2">
      <c r="A118" s="4">
        <v>43556</v>
      </c>
      <c r="B118" s="5" t="s">
        <v>8</v>
      </c>
      <c r="C118" s="5" t="s">
        <v>9</v>
      </c>
      <c r="D118" s="6" t="s">
        <v>391</v>
      </c>
      <c r="E118" s="5" t="s">
        <v>392</v>
      </c>
      <c r="F118" s="7">
        <v>23100</v>
      </c>
      <c r="G118" s="5" t="s">
        <v>393</v>
      </c>
      <c r="H118" s="6" t="s">
        <v>394</v>
      </c>
      <c r="I118" s="8">
        <v>43801</v>
      </c>
    </row>
    <row r="119" spans="1:9" ht="24" x14ac:dyDescent="0.2">
      <c r="A119" s="4">
        <v>43556</v>
      </c>
      <c r="B119" s="5" t="s">
        <v>8</v>
      </c>
      <c r="C119" s="5" t="s">
        <v>9</v>
      </c>
      <c r="D119" s="6" t="s">
        <v>395</v>
      </c>
      <c r="E119" s="5" t="s">
        <v>396</v>
      </c>
      <c r="F119" s="7">
        <v>261525</v>
      </c>
      <c r="G119" s="5" t="s">
        <v>332</v>
      </c>
      <c r="H119" s="6" t="s">
        <v>333</v>
      </c>
      <c r="I119" s="8">
        <v>43802</v>
      </c>
    </row>
    <row r="120" spans="1:9" ht="24" x14ac:dyDescent="0.2">
      <c r="A120" s="4">
        <v>43556</v>
      </c>
      <c r="B120" s="5" t="s">
        <v>8</v>
      </c>
      <c r="C120" s="5" t="s">
        <v>9</v>
      </c>
      <c r="D120" s="6" t="s">
        <v>397</v>
      </c>
      <c r="E120" s="5" t="s">
        <v>398</v>
      </c>
      <c r="F120" s="7">
        <v>72050</v>
      </c>
      <c r="G120" s="5" t="s">
        <v>117</v>
      </c>
      <c r="H120" s="6" t="s">
        <v>118</v>
      </c>
      <c r="I120" s="8">
        <v>43802</v>
      </c>
    </row>
    <row r="121" spans="1:9" ht="24" x14ac:dyDescent="0.2">
      <c r="A121" s="4">
        <v>43556</v>
      </c>
      <c r="B121" s="5" t="s">
        <v>8</v>
      </c>
      <c r="C121" s="5" t="s">
        <v>9</v>
      </c>
      <c r="D121" s="6" t="s">
        <v>399</v>
      </c>
      <c r="E121" s="5" t="s">
        <v>400</v>
      </c>
      <c r="F121" s="7">
        <v>20350</v>
      </c>
      <c r="G121" s="5" t="s">
        <v>401</v>
      </c>
      <c r="H121" s="6" t="s">
        <v>402</v>
      </c>
      <c r="I121" s="8">
        <v>43802</v>
      </c>
    </row>
    <row r="122" spans="1:9" ht="24" x14ac:dyDescent="0.2">
      <c r="A122" s="4">
        <v>43556</v>
      </c>
      <c r="B122" s="5" t="s">
        <v>8</v>
      </c>
      <c r="C122" s="5" t="s">
        <v>9</v>
      </c>
      <c r="D122" s="6" t="s">
        <v>403</v>
      </c>
      <c r="E122" s="5" t="s">
        <v>404</v>
      </c>
      <c r="F122" s="7">
        <v>22000</v>
      </c>
      <c r="G122" s="5" t="s">
        <v>405</v>
      </c>
      <c r="H122" s="6" t="s">
        <v>406</v>
      </c>
      <c r="I122" s="8">
        <v>43802</v>
      </c>
    </row>
    <row r="123" spans="1:9" ht="24" x14ac:dyDescent="0.2">
      <c r="A123" s="4">
        <v>43556</v>
      </c>
      <c r="B123" s="5" t="s">
        <v>8</v>
      </c>
      <c r="C123" s="5" t="s">
        <v>9</v>
      </c>
      <c r="D123" s="6" t="s">
        <v>407</v>
      </c>
      <c r="E123" s="5" t="s">
        <v>408</v>
      </c>
      <c r="F123" s="7">
        <v>26400</v>
      </c>
      <c r="G123" s="5" t="s">
        <v>238</v>
      </c>
      <c r="H123" s="6" t="s">
        <v>239</v>
      </c>
      <c r="I123" s="8">
        <v>43802</v>
      </c>
    </row>
    <row r="124" spans="1:9" ht="24" x14ac:dyDescent="0.2">
      <c r="A124" s="4">
        <v>43556</v>
      </c>
      <c r="B124" s="5" t="s">
        <v>8</v>
      </c>
      <c r="C124" s="5" t="s">
        <v>9</v>
      </c>
      <c r="D124" s="6" t="s">
        <v>409</v>
      </c>
      <c r="E124" s="5" t="s">
        <v>410</v>
      </c>
      <c r="F124" s="7">
        <v>13200</v>
      </c>
      <c r="G124" s="5" t="s">
        <v>117</v>
      </c>
      <c r="H124" s="6" t="s">
        <v>118</v>
      </c>
      <c r="I124" s="8">
        <v>43802</v>
      </c>
    </row>
    <row r="125" spans="1:9" ht="24" x14ac:dyDescent="0.2">
      <c r="A125" s="4">
        <v>43556</v>
      </c>
      <c r="B125" s="5" t="s">
        <v>8</v>
      </c>
      <c r="C125" s="5" t="s">
        <v>9</v>
      </c>
      <c r="D125" s="6" t="s">
        <v>411</v>
      </c>
      <c r="E125" s="5" t="s">
        <v>412</v>
      </c>
      <c r="F125" s="7">
        <v>49896</v>
      </c>
      <c r="G125" s="5" t="s">
        <v>16</v>
      </c>
      <c r="H125" s="6" t="s">
        <v>17</v>
      </c>
      <c r="I125" s="8">
        <v>43802</v>
      </c>
    </row>
    <row r="126" spans="1:9" ht="24" x14ac:dyDescent="0.2">
      <c r="A126" s="4">
        <v>43556</v>
      </c>
      <c r="B126" s="5" t="s">
        <v>8</v>
      </c>
      <c r="C126" s="5" t="s">
        <v>9</v>
      </c>
      <c r="D126" s="6" t="s">
        <v>413</v>
      </c>
      <c r="E126" s="5" t="s">
        <v>414</v>
      </c>
      <c r="F126" s="7">
        <v>16797</v>
      </c>
      <c r="G126" s="5" t="s">
        <v>415</v>
      </c>
      <c r="H126" s="6" t="s">
        <v>416</v>
      </c>
      <c r="I126" s="8">
        <v>43802</v>
      </c>
    </row>
    <row r="127" spans="1:9" ht="24" x14ac:dyDescent="0.2">
      <c r="A127" s="4">
        <v>43556</v>
      </c>
      <c r="B127" s="5" t="s">
        <v>8</v>
      </c>
      <c r="C127" s="5" t="s">
        <v>9</v>
      </c>
      <c r="D127" s="6" t="s">
        <v>417</v>
      </c>
      <c r="E127" s="5" t="s">
        <v>418</v>
      </c>
      <c r="F127" s="7">
        <v>454300</v>
      </c>
      <c r="G127" s="5" t="s">
        <v>419</v>
      </c>
      <c r="H127" s="6" t="s">
        <v>420</v>
      </c>
      <c r="I127" s="8">
        <v>43802</v>
      </c>
    </row>
    <row r="128" spans="1:9" ht="24" x14ac:dyDescent="0.2">
      <c r="A128" s="4">
        <v>43556</v>
      </c>
      <c r="B128" s="5" t="s">
        <v>8</v>
      </c>
      <c r="C128" s="5" t="s">
        <v>9</v>
      </c>
      <c r="D128" s="6" t="s">
        <v>421</v>
      </c>
      <c r="E128" s="5" t="s">
        <v>422</v>
      </c>
      <c r="F128" s="7">
        <v>15400</v>
      </c>
      <c r="G128" s="5" t="s">
        <v>53</v>
      </c>
      <c r="H128" s="6" t="s">
        <v>54</v>
      </c>
      <c r="I128" s="8">
        <v>43802</v>
      </c>
    </row>
    <row r="129" spans="1:9" ht="24" x14ac:dyDescent="0.2">
      <c r="A129" s="4">
        <v>43556</v>
      </c>
      <c r="B129" s="5" t="s">
        <v>8</v>
      </c>
      <c r="C129" s="5" t="s">
        <v>9</v>
      </c>
      <c r="D129" s="6" t="s">
        <v>423</v>
      </c>
      <c r="E129" s="5" t="s">
        <v>424</v>
      </c>
      <c r="F129" s="7">
        <v>44275</v>
      </c>
      <c r="G129" s="5" t="s">
        <v>160</v>
      </c>
      <c r="H129" s="6" t="s">
        <v>161</v>
      </c>
      <c r="I129" s="8">
        <v>43804</v>
      </c>
    </row>
    <row r="130" spans="1:9" ht="24" x14ac:dyDescent="0.2">
      <c r="A130" s="4">
        <v>43556</v>
      </c>
      <c r="B130" s="5" t="s">
        <v>8</v>
      </c>
      <c r="C130" s="5" t="s">
        <v>9</v>
      </c>
      <c r="D130" s="6" t="s">
        <v>425</v>
      </c>
      <c r="E130" s="5" t="s">
        <v>426</v>
      </c>
      <c r="F130" s="7">
        <v>1773750</v>
      </c>
      <c r="G130" s="5" t="s">
        <v>91</v>
      </c>
      <c r="H130" s="6" t="s">
        <v>92</v>
      </c>
      <c r="I130" s="8">
        <v>43805</v>
      </c>
    </row>
    <row r="131" spans="1:9" ht="24" x14ac:dyDescent="0.2">
      <c r="A131" s="4">
        <v>43556</v>
      </c>
      <c r="B131" s="5" t="s">
        <v>8</v>
      </c>
      <c r="C131" s="5" t="s">
        <v>9</v>
      </c>
      <c r="D131" s="6" t="s">
        <v>427</v>
      </c>
      <c r="E131" s="5" t="s">
        <v>428</v>
      </c>
      <c r="F131" s="7">
        <v>1792175</v>
      </c>
      <c r="G131" s="5" t="s">
        <v>61</v>
      </c>
      <c r="H131" s="6" t="s">
        <v>62</v>
      </c>
      <c r="I131" s="8">
        <v>43808</v>
      </c>
    </row>
    <row r="132" spans="1:9" ht="24" x14ac:dyDescent="0.2">
      <c r="A132" s="4">
        <v>43556</v>
      </c>
      <c r="B132" s="5" t="s">
        <v>8</v>
      </c>
      <c r="C132" s="5" t="s">
        <v>9</v>
      </c>
      <c r="D132" s="6" t="s">
        <v>429</v>
      </c>
      <c r="E132" s="5" t="s">
        <v>430</v>
      </c>
      <c r="F132" s="7">
        <v>39600</v>
      </c>
      <c r="G132" s="5" t="s">
        <v>57</v>
      </c>
      <c r="H132" s="6" t="s">
        <v>58</v>
      </c>
      <c r="I132" s="8">
        <v>43808</v>
      </c>
    </row>
    <row r="133" spans="1:9" ht="24" x14ac:dyDescent="0.2">
      <c r="A133" s="4">
        <v>43556</v>
      </c>
      <c r="B133" s="5" t="s">
        <v>8</v>
      </c>
      <c r="C133" s="5" t="s">
        <v>9</v>
      </c>
      <c r="D133" s="6" t="s">
        <v>431</v>
      </c>
      <c r="E133" s="5" t="s">
        <v>432</v>
      </c>
      <c r="F133" s="7">
        <v>30800</v>
      </c>
      <c r="G133" s="5" t="s">
        <v>53</v>
      </c>
      <c r="H133" s="6" t="s">
        <v>54</v>
      </c>
      <c r="I133" s="8">
        <v>43808</v>
      </c>
    </row>
    <row r="134" spans="1:9" ht="24" x14ac:dyDescent="0.2">
      <c r="A134" s="4">
        <v>43556</v>
      </c>
      <c r="B134" s="5" t="s">
        <v>8</v>
      </c>
      <c r="C134" s="5" t="s">
        <v>9</v>
      </c>
      <c r="D134" s="6" t="s">
        <v>433</v>
      </c>
      <c r="E134" s="5" t="s">
        <v>434</v>
      </c>
      <c r="F134" s="7">
        <v>300520</v>
      </c>
      <c r="G134" s="5" t="s">
        <v>40</v>
      </c>
      <c r="H134" s="6" t="s">
        <v>41</v>
      </c>
      <c r="I134" s="8">
        <v>43808</v>
      </c>
    </row>
    <row r="135" spans="1:9" ht="24" x14ac:dyDescent="0.2">
      <c r="A135" s="4">
        <v>43556</v>
      </c>
      <c r="B135" s="5" t="s">
        <v>8</v>
      </c>
      <c r="C135" s="5" t="s">
        <v>9</v>
      </c>
      <c r="D135" s="6" t="s">
        <v>435</v>
      </c>
      <c r="E135" s="5" t="s">
        <v>436</v>
      </c>
      <c r="F135" s="7">
        <v>27280</v>
      </c>
      <c r="G135" s="5" t="s">
        <v>437</v>
      </c>
      <c r="H135" s="6" t="s">
        <v>438</v>
      </c>
      <c r="I135" s="8">
        <v>43809</v>
      </c>
    </row>
    <row r="136" spans="1:9" ht="24" x14ac:dyDescent="0.2">
      <c r="A136" s="4">
        <v>43556</v>
      </c>
      <c r="B136" s="5" t="s">
        <v>8</v>
      </c>
      <c r="C136" s="5" t="s">
        <v>9</v>
      </c>
      <c r="D136" s="6" t="s">
        <v>439</v>
      </c>
      <c r="E136" s="5" t="s">
        <v>440</v>
      </c>
      <c r="F136" s="7">
        <v>16181</v>
      </c>
      <c r="G136" s="5" t="s">
        <v>441</v>
      </c>
      <c r="H136" s="6" t="s">
        <v>442</v>
      </c>
      <c r="I136" s="8">
        <v>43809</v>
      </c>
    </row>
    <row r="137" spans="1:9" ht="24" x14ac:dyDescent="0.2">
      <c r="A137" s="4">
        <v>43556</v>
      </c>
      <c r="B137" s="5" t="s">
        <v>8</v>
      </c>
      <c r="C137" s="5" t="s">
        <v>9</v>
      </c>
      <c r="D137" s="6" t="s">
        <v>443</v>
      </c>
      <c r="E137" s="5" t="s">
        <v>444</v>
      </c>
      <c r="F137" s="7">
        <v>46750</v>
      </c>
      <c r="G137" s="5" t="s">
        <v>336</v>
      </c>
      <c r="H137" s="6" t="s">
        <v>207</v>
      </c>
      <c r="I137" s="8">
        <v>43810</v>
      </c>
    </row>
    <row r="138" spans="1:9" ht="24" x14ac:dyDescent="0.2">
      <c r="A138" s="4">
        <v>43556</v>
      </c>
      <c r="B138" s="5" t="s">
        <v>8</v>
      </c>
      <c r="C138" s="5" t="s">
        <v>9</v>
      </c>
      <c r="D138" s="6" t="s">
        <v>445</v>
      </c>
      <c r="E138" s="5" t="s">
        <v>446</v>
      </c>
      <c r="F138" s="7">
        <v>305360</v>
      </c>
      <c r="G138" s="5" t="s">
        <v>71</v>
      </c>
      <c r="H138" s="6" t="s">
        <v>72</v>
      </c>
      <c r="I138" s="8">
        <v>43810</v>
      </c>
    </row>
    <row r="139" spans="1:9" ht="24" x14ac:dyDescent="0.2">
      <c r="A139" s="4">
        <v>43556</v>
      </c>
      <c r="B139" s="5" t="s">
        <v>8</v>
      </c>
      <c r="C139" s="5" t="s">
        <v>9</v>
      </c>
      <c r="D139" s="6" t="s">
        <v>447</v>
      </c>
      <c r="E139" s="5" t="s">
        <v>376</v>
      </c>
      <c r="F139" s="7">
        <v>48103</v>
      </c>
      <c r="G139" s="5" t="s">
        <v>117</v>
      </c>
      <c r="H139" s="6" t="s">
        <v>118</v>
      </c>
      <c r="I139" s="8">
        <v>43810</v>
      </c>
    </row>
    <row r="140" spans="1:9" ht="24" x14ac:dyDescent="0.2">
      <c r="A140" s="4">
        <v>43556</v>
      </c>
      <c r="B140" s="5" t="s">
        <v>8</v>
      </c>
      <c r="C140" s="5" t="s">
        <v>9</v>
      </c>
      <c r="D140" s="6" t="s">
        <v>448</v>
      </c>
      <c r="E140" s="5" t="s">
        <v>449</v>
      </c>
      <c r="F140" s="7">
        <v>56210</v>
      </c>
      <c r="G140" s="5" t="s">
        <v>227</v>
      </c>
      <c r="H140" s="6" t="s">
        <v>207</v>
      </c>
      <c r="I140" s="8">
        <v>43810</v>
      </c>
    </row>
    <row r="141" spans="1:9" ht="24" x14ac:dyDescent="0.2">
      <c r="A141" s="4">
        <v>43556</v>
      </c>
      <c r="B141" s="5" t="s">
        <v>8</v>
      </c>
      <c r="C141" s="5" t="s">
        <v>9</v>
      </c>
      <c r="D141" s="6" t="s">
        <v>450</v>
      </c>
      <c r="E141" s="5" t="s">
        <v>451</v>
      </c>
      <c r="F141" s="7">
        <v>25542</v>
      </c>
      <c r="G141" s="5" t="s">
        <v>452</v>
      </c>
      <c r="H141" s="6" t="s">
        <v>453</v>
      </c>
      <c r="I141" s="8">
        <v>43810</v>
      </c>
    </row>
    <row r="142" spans="1:9" ht="24" x14ac:dyDescent="0.2">
      <c r="A142" s="4">
        <v>43556</v>
      </c>
      <c r="B142" s="5" t="s">
        <v>8</v>
      </c>
      <c r="C142" s="5" t="s">
        <v>9</v>
      </c>
      <c r="D142" s="6" t="s">
        <v>454</v>
      </c>
      <c r="E142" s="5" t="s">
        <v>455</v>
      </c>
      <c r="F142" s="7">
        <v>821480</v>
      </c>
      <c r="G142" s="5" t="s">
        <v>57</v>
      </c>
      <c r="H142" s="6" t="s">
        <v>58</v>
      </c>
      <c r="I142" s="8">
        <v>43811</v>
      </c>
    </row>
    <row r="143" spans="1:9" ht="24" x14ac:dyDescent="0.2">
      <c r="A143" s="4">
        <v>43556</v>
      </c>
      <c r="B143" s="5" t="s">
        <v>8</v>
      </c>
      <c r="C143" s="5" t="s">
        <v>9</v>
      </c>
      <c r="D143" s="6" t="s">
        <v>456</v>
      </c>
      <c r="E143" s="5" t="s">
        <v>267</v>
      </c>
      <c r="F143" s="7">
        <v>3587749</v>
      </c>
      <c r="G143" s="5" t="s">
        <v>61</v>
      </c>
      <c r="H143" s="6" t="s">
        <v>62</v>
      </c>
      <c r="I143" s="8">
        <v>43811</v>
      </c>
    </row>
    <row r="144" spans="1:9" ht="24" x14ac:dyDescent="0.2">
      <c r="A144" s="4">
        <v>43556</v>
      </c>
      <c r="B144" s="5" t="s">
        <v>8</v>
      </c>
      <c r="C144" s="5" t="s">
        <v>9</v>
      </c>
      <c r="D144" s="6" t="s">
        <v>457</v>
      </c>
      <c r="E144" s="5" t="s">
        <v>458</v>
      </c>
      <c r="F144" s="7">
        <v>1515551</v>
      </c>
      <c r="G144" s="5" t="s">
        <v>111</v>
      </c>
      <c r="H144" s="6" t="s">
        <v>112</v>
      </c>
      <c r="I144" s="8">
        <v>43811</v>
      </c>
    </row>
    <row r="145" spans="1:9" ht="24" x14ac:dyDescent="0.2">
      <c r="A145" s="4">
        <v>43556</v>
      </c>
      <c r="B145" s="5" t="s">
        <v>8</v>
      </c>
      <c r="C145" s="5" t="s">
        <v>9</v>
      </c>
      <c r="D145" s="6" t="s">
        <v>459</v>
      </c>
      <c r="E145" s="5" t="s">
        <v>460</v>
      </c>
      <c r="F145" s="7">
        <v>153345</v>
      </c>
      <c r="G145" s="5" t="s">
        <v>294</v>
      </c>
      <c r="H145" s="6" t="s">
        <v>295</v>
      </c>
      <c r="I145" s="8">
        <v>43811</v>
      </c>
    </row>
    <row r="146" spans="1:9" ht="24" x14ac:dyDescent="0.2">
      <c r="A146" s="4">
        <v>43556</v>
      </c>
      <c r="B146" s="5" t="s">
        <v>8</v>
      </c>
      <c r="C146" s="5" t="s">
        <v>9</v>
      </c>
      <c r="D146" s="6" t="s">
        <v>461</v>
      </c>
      <c r="E146" s="5" t="s">
        <v>462</v>
      </c>
      <c r="F146" s="7">
        <v>266200</v>
      </c>
      <c r="G146" s="5" t="s">
        <v>463</v>
      </c>
      <c r="H146" s="6" t="s">
        <v>464</v>
      </c>
      <c r="I146" s="8">
        <v>43812</v>
      </c>
    </row>
    <row r="147" spans="1:9" ht="24" x14ac:dyDescent="0.2">
      <c r="A147" s="4">
        <v>43556</v>
      </c>
      <c r="B147" s="5" t="s">
        <v>8</v>
      </c>
      <c r="C147" s="5" t="s">
        <v>9</v>
      </c>
      <c r="D147" s="6" t="s">
        <v>465</v>
      </c>
      <c r="E147" s="5" t="s">
        <v>466</v>
      </c>
      <c r="F147" s="7">
        <v>2475</v>
      </c>
      <c r="G147" s="5" t="s">
        <v>254</v>
      </c>
      <c r="H147" s="6" t="s">
        <v>255</v>
      </c>
      <c r="I147" s="8">
        <v>43812</v>
      </c>
    </row>
    <row r="148" spans="1:9" ht="24" x14ac:dyDescent="0.2">
      <c r="A148" s="4">
        <v>43556</v>
      </c>
      <c r="B148" s="5" t="s">
        <v>8</v>
      </c>
      <c r="C148" s="5" t="s">
        <v>9</v>
      </c>
      <c r="D148" s="6" t="s">
        <v>467</v>
      </c>
      <c r="E148" s="5" t="s">
        <v>468</v>
      </c>
      <c r="F148" s="7">
        <v>62095</v>
      </c>
      <c r="G148" s="5" t="s">
        <v>469</v>
      </c>
      <c r="H148" s="6" t="s">
        <v>470</v>
      </c>
      <c r="I148" s="8">
        <v>43812</v>
      </c>
    </row>
    <row r="149" spans="1:9" ht="24" x14ac:dyDescent="0.2">
      <c r="A149" s="4">
        <v>43556</v>
      </c>
      <c r="B149" s="5" t="s">
        <v>8</v>
      </c>
      <c r="C149" s="5" t="s">
        <v>9</v>
      </c>
      <c r="D149" s="6" t="s">
        <v>471</v>
      </c>
      <c r="E149" s="5" t="s">
        <v>472</v>
      </c>
      <c r="F149" s="7">
        <v>95546</v>
      </c>
      <c r="G149" s="5" t="s">
        <v>121</v>
      </c>
      <c r="H149" s="6" t="s">
        <v>122</v>
      </c>
      <c r="I149" s="8">
        <v>43812</v>
      </c>
    </row>
    <row r="150" spans="1:9" ht="24" x14ac:dyDescent="0.2">
      <c r="A150" s="4">
        <v>43556</v>
      </c>
      <c r="B150" s="5" t="s">
        <v>8</v>
      </c>
      <c r="C150" s="5" t="s">
        <v>9</v>
      </c>
      <c r="D150" s="6" t="s">
        <v>473</v>
      </c>
      <c r="E150" s="5" t="s">
        <v>396</v>
      </c>
      <c r="F150" s="7">
        <v>1465970</v>
      </c>
      <c r="G150" s="5" t="s">
        <v>117</v>
      </c>
      <c r="H150" s="6" t="s">
        <v>118</v>
      </c>
      <c r="I150" s="8">
        <v>43812</v>
      </c>
    </row>
    <row r="151" spans="1:9" ht="24" x14ac:dyDescent="0.2">
      <c r="A151" s="4">
        <v>43556</v>
      </c>
      <c r="B151" s="5" t="s">
        <v>8</v>
      </c>
      <c r="C151" s="5" t="s">
        <v>9</v>
      </c>
      <c r="D151" s="6" t="s">
        <v>474</v>
      </c>
      <c r="E151" s="5" t="s">
        <v>475</v>
      </c>
      <c r="F151" s="7">
        <v>7678</v>
      </c>
      <c r="G151" s="5" t="s">
        <v>117</v>
      </c>
      <c r="H151" s="6" t="s">
        <v>118</v>
      </c>
      <c r="I151" s="8">
        <v>43812</v>
      </c>
    </row>
    <row r="152" spans="1:9" ht="24" x14ac:dyDescent="0.2">
      <c r="A152" s="4">
        <v>43556</v>
      </c>
      <c r="B152" s="5" t="s">
        <v>8</v>
      </c>
      <c r="C152" s="5" t="s">
        <v>9</v>
      </c>
      <c r="D152" s="6" t="s">
        <v>476</v>
      </c>
      <c r="E152" s="5" t="s">
        <v>477</v>
      </c>
      <c r="F152" s="7">
        <v>599500</v>
      </c>
      <c r="G152" s="5" t="s">
        <v>478</v>
      </c>
      <c r="H152" s="6" t="s">
        <v>479</v>
      </c>
      <c r="I152" s="8">
        <v>43812</v>
      </c>
    </row>
    <row r="153" spans="1:9" ht="24" x14ac:dyDescent="0.2">
      <c r="A153" s="4">
        <v>43556</v>
      </c>
      <c r="B153" s="5" t="s">
        <v>8</v>
      </c>
      <c r="C153" s="5" t="s">
        <v>9</v>
      </c>
      <c r="D153" s="6" t="s">
        <v>480</v>
      </c>
      <c r="E153" s="5" t="s">
        <v>297</v>
      </c>
      <c r="F153" s="7">
        <v>7700</v>
      </c>
      <c r="G153" s="5" t="s">
        <v>125</v>
      </c>
      <c r="H153" s="6" t="s">
        <v>33</v>
      </c>
      <c r="I153" s="8">
        <v>43816</v>
      </c>
    </row>
    <row r="154" spans="1:9" ht="24" x14ac:dyDescent="0.2">
      <c r="A154" s="4">
        <v>43556</v>
      </c>
      <c r="B154" s="5" t="s">
        <v>8</v>
      </c>
      <c r="C154" s="5" t="s">
        <v>9</v>
      </c>
      <c r="D154" s="6" t="s">
        <v>481</v>
      </c>
      <c r="E154" s="5" t="s">
        <v>482</v>
      </c>
      <c r="F154" s="7">
        <v>355905</v>
      </c>
      <c r="G154" s="5" t="s">
        <v>79</v>
      </c>
      <c r="H154" s="6" t="s">
        <v>80</v>
      </c>
      <c r="I154" s="8">
        <v>43816</v>
      </c>
    </row>
    <row r="155" spans="1:9" ht="24" x14ac:dyDescent="0.2">
      <c r="A155" s="4">
        <v>43556</v>
      </c>
      <c r="B155" s="5" t="s">
        <v>8</v>
      </c>
      <c r="C155" s="5" t="s">
        <v>9</v>
      </c>
      <c r="D155" s="6" t="s">
        <v>483</v>
      </c>
      <c r="E155" s="5" t="s">
        <v>484</v>
      </c>
      <c r="F155" s="7">
        <v>31900</v>
      </c>
      <c r="G155" s="5" t="s">
        <v>83</v>
      </c>
      <c r="H155" s="6" t="s">
        <v>84</v>
      </c>
      <c r="I155" s="8">
        <v>43816</v>
      </c>
    </row>
    <row r="156" spans="1:9" ht="24" x14ac:dyDescent="0.2">
      <c r="A156" s="4">
        <v>43556</v>
      </c>
      <c r="B156" s="5" t="s">
        <v>8</v>
      </c>
      <c r="C156" s="5" t="s">
        <v>9</v>
      </c>
      <c r="D156" s="6" t="s">
        <v>485</v>
      </c>
      <c r="E156" s="5" t="s">
        <v>486</v>
      </c>
      <c r="F156" s="7">
        <v>811360</v>
      </c>
      <c r="G156" s="5" t="s">
        <v>57</v>
      </c>
      <c r="H156" s="6" t="s">
        <v>58</v>
      </c>
      <c r="I156" s="8">
        <v>43816</v>
      </c>
    </row>
    <row r="157" spans="1:9" ht="24" x14ac:dyDescent="0.2">
      <c r="A157" s="4">
        <v>43556</v>
      </c>
      <c r="B157" s="5" t="s">
        <v>8</v>
      </c>
      <c r="C157" s="5" t="s">
        <v>9</v>
      </c>
      <c r="D157" s="6" t="s">
        <v>487</v>
      </c>
      <c r="E157" s="5" t="s">
        <v>488</v>
      </c>
      <c r="F157" s="7">
        <v>1967931</v>
      </c>
      <c r="G157" s="5" t="s">
        <v>136</v>
      </c>
      <c r="H157" s="6" t="s">
        <v>137</v>
      </c>
      <c r="I157" s="8">
        <v>43816</v>
      </c>
    </row>
    <row r="158" spans="1:9" ht="24" x14ac:dyDescent="0.2">
      <c r="A158" s="4">
        <v>43556</v>
      </c>
      <c r="B158" s="5" t="s">
        <v>8</v>
      </c>
      <c r="C158" s="5" t="s">
        <v>9</v>
      </c>
      <c r="D158" s="6" t="s">
        <v>489</v>
      </c>
      <c r="E158" s="5" t="s">
        <v>490</v>
      </c>
      <c r="F158" s="7">
        <v>64390</v>
      </c>
      <c r="G158" s="5" t="s">
        <v>294</v>
      </c>
      <c r="H158" s="6" t="s">
        <v>295</v>
      </c>
      <c r="I158" s="8">
        <v>43817</v>
      </c>
    </row>
    <row r="159" spans="1:9" ht="24" x14ac:dyDescent="0.2">
      <c r="A159" s="4">
        <v>43556</v>
      </c>
      <c r="B159" s="5" t="s">
        <v>8</v>
      </c>
      <c r="C159" s="5" t="s">
        <v>9</v>
      </c>
      <c r="D159" s="6" t="s">
        <v>491</v>
      </c>
      <c r="E159" s="5" t="s">
        <v>492</v>
      </c>
      <c r="F159" s="7">
        <v>4730880</v>
      </c>
      <c r="G159" s="5" t="s">
        <v>493</v>
      </c>
      <c r="H159" s="6" t="s">
        <v>494</v>
      </c>
      <c r="I159" s="8">
        <v>43817</v>
      </c>
    </row>
    <row r="160" spans="1:9" ht="24" x14ac:dyDescent="0.2">
      <c r="A160" s="4">
        <v>43556</v>
      </c>
      <c r="B160" s="5" t="s">
        <v>8</v>
      </c>
      <c r="C160" s="5" t="s">
        <v>9</v>
      </c>
      <c r="D160" s="6" t="s">
        <v>495</v>
      </c>
      <c r="E160" s="5" t="s">
        <v>496</v>
      </c>
      <c r="F160" s="7">
        <v>4000</v>
      </c>
      <c r="G160" s="5" t="s">
        <v>2492</v>
      </c>
      <c r="H160" s="6" t="s">
        <v>33</v>
      </c>
      <c r="I160" s="8">
        <v>43817</v>
      </c>
    </row>
    <row r="161" spans="1:9" ht="24" x14ac:dyDescent="0.2">
      <c r="A161" s="4">
        <v>43556</v>
      </c>
      <c r="B161" s="5" t="s">
        <v>8</v>
      </c>
      <c r="C161" s="5" t="s">
        <v>9</v>
      </c>
      <c r="D161" s="6" t="s">
        <v>497</v>
      </c>
      <c r="E161" s="5" t="s">
        <v>498</v>
      </c>
      <c r="F161" s="7">
        <v>40881</v>
      </c>
      <c r="G161" s="5" t="s">
        <v>499</v>
      </c>
      <c r="H161" s="6" t="s">
        <v>500</v>
      </c>
      <c r="I161" s="8">
        <v>43818</v>
      </c>
    </row>
    <row r="162" spans="1:9" ht="24" x14ac:dyDescent="0.2">
      <c r="A162" s="4">
        <v>43556</v>
      </c>
      <c r="B162" s="5" t="s">
        <v>8</v>
      </c>
      <c r="C162" s="5" t="s">
        <v>9</v>
      </c>
      <c r="D162" s="6" t="s">
        <v>501</v>
      </c>
      <c r="E162" s="5" t="s">
        <v>502</v>
      </c>
      <c r="F162" s="7">
        <v>67210</v>
      </c>
      <c r="G162" s="5" t="s">
        <v>117</v>
      </c>
      <c r="H162" s="6" t="s">
        <v>118</v>
      </c>
      <c r="I162" s="8">
        <v>43818</v>
      </c>
    </row>
    <row r="163" spans="1:9" ht="24" x14ac:dyDescent="0.2">
      <c r="A163" s="4">
        <v>43556</v>
      </c>
      <c r="B163" s="5" t="s">
        <v>8</v>
      </c>
      <c r="C163" s="5" t="s">
        <v>9</v>
      </c>
      <c r="D163" s="6" t="s">
        <v>503</v>
      </c>
      <c r="E163" s="5" t="s">
        <v>504</v>
      </c>
      <c r="F163" s="7">
        <v>7920</v>
      </c>
      <c r="G163" s="5" t="s">
        <v>336</v>
      </c>
      <c r="H163" s="6" t="s">
        <v>207</v>
      </c>
      <c r="I163" s="8">
        <v>43818</v>
      </c>
    </row>
    <row r="164" spans="1:9" ht="24" x14ac:dyDescent="0.2">
      <c r="A164" s="4">
        <v>43556</v>
      </c>
      <c r="B164" s="5" t="s">
        <v>8</v>
      </c>
      <c r="C164" s="5" t="s">
        <v>9</v>
      </c>
      <c r="D164" s="6" t="s">
        <v>505</v>
      </c>
      <c r="E164" s="5" t="s">
        <v>506</v>
      </c>
      <c r="F164" s="7">
        <v>86944</v>
      </c>
      <c r="G164" s="5" t="s">
        <v>441</v>
      </c>
      <c r="H164" s="6" t="s">
        <v>442</v>
      </c>
      <c r="I164" s="8">
        <v>43818</v>
      </c>
    </row>
    <row r="165" spans="1:9" ht="24" x14ac:dyDescent="0.2">
      <c r="A165" s="4">
        <v>43556</v>
      </c>
      <c r="B165" s="5" t="s">
        <v>8</v>
      </c>
      <c r="C165" s="5" t="s">
        <v>9</v>
      </c>
      <c r="D165" s="6" t="s">
        <v>507</v>
      </c>
      <c r="E165" s="5" t="s">
        <v>508</v>
      </c>
      <c r="F165" s="7">
        <v>21450</v>
      </c>
      <c r="G165" s="5" t="s">
        <v>509</v>
      </c>
      <c r="H165" s="6" t="s">
        <v>510</v>
      </c>
      <c r="I165" s="8">
        <v>43818</v>
      </c>
    </row>
    <row r="166" spans="1:9" ht="24" x14ac:dyDescent="0.2">
      <c r="A166" s="4">
        <v>43556</v>
      </c>
      <c r="B166" s="5" t="s">
        <v>8</v>
      </c>
      <c r="C166" s="5" t="s">
        <v>9</v>
      </c>
      <c r="D166" s="6" t="s">
        <v>511</v>
      </c>
      <c r="E166" s="5" t="s">
        <v>512</v>
      </c>
      <c r="F166" s="7">
        <v>41140</v>
      </c>
      <c r="G166" s="5" t="s">
        <v>513</v>
      </c>
      <c r="H166" s="6" t="s">
        <v>514</v>
      </c>
      <c r="I166" s="8">
        <v>43818</v>
      </c>
    </row>
    <row r="167" spans="1:9" ht="24" x14ac:dyDescent="0.2">
      <c r="A167" s="4">
        <v>43556</v>
      </c>
      <c r="B167" s="5" t="s">
        <v>8</v>
      </c>
      <c r="C167" s="5" t="s">
        <v>9</v>
      </c>
      <c r="D167" s="6" t="s">
        <v>515</v>
      </c>
      <c r="E167" s="5" t="s">
        <v>516</v>
      </c>
      <c r="F167" s="7">
        <v>3696</v>
      </c>
      <c r="G167" s="5" t="s">
        <v>509</v>
      </c>
      <c r="H167" s="6" t="s">
        <v>510</v>
      </c>
      <c r="I167" s="8">
        <v>43818</v>
      </c>
    </row>
    <row r="168" spans="1:9" ht="24" x14ac:dyDescent="0.2">
      <c r="A168" s="4">
        <v>43556</v>
      </c>
      <c r="B168" s="5" t="s">
        <v>8</v>
      </c>
      <c r="C168" s="5" t="s">
        <v>9</v>
      </c>
      <c r="D168" s="6" t="s">
        <v>517</v>
      </c>
      <c r="E168" s="5" t="s">
        <v>518</v>
      </c>
      <c r="F168" s="7">
        <v>16170</v>
      </c>
      <c r="G168" s="5" t="s">
        <v>67</v>
      </c>
      <c r="H168" s="6" t="s">
        <v>68</v>
      </c>
      <c r="I168" s="8">
        <v>43819</v>
      </c>
    </row>
    <row r="169" spans="1:9" ht="24" x14ac:dyDescent="0.2">
      <c r="A169" s="4">
        <v>43556</v>
      </c>
      <c r="B169" s="5" t="s">
        <v>8</v>
      </c>
      <c r="C169" s="5" t="s">
        <v>9</v>
      </c>
      <c r="D169" s="6" t="s">
        <v>519</v>
      </c>
      <c r="E169" s="5" t="s">
        <v>520</v>
      </c>
      <c r="F169" s="7">
        <v>92996298</v>
      </c>
      <c r="G169" s="5" t="s">
        <v>12</v>
      </c>
      <c r="H169" s="6" t="s">
        <v>13</v>
      </c>
      <c r="I169" s="8">
        <v>43819</v>
      </c>
    </row>
    <row r="170" spans="1:9" ht="24" x14ac:dyDescent="0.2">
      <c r="A170" s="4">
        <v>43556</v>
      </c>
      <c r="B170" s="5" t="s">
        <v>8</v>
      </c>
      <c r="C170" s="5" t="s">
        <v>9</v>
      </c>
      <c r="D170" s="6" t="s">
        <v>521</v>
      </c>
      <c r="E170" s="5" t="s">
        <v>522</v>
      </c>
      <c r="F170" s="7">
        <v>851323</v>
      </c>
      <c r="G170" s="5" t="s">
        <v>16</v>
      </c>
      <c r="H170" s="6" t="s">
        <v>17</v>
      </c>
      <c r="I170" s="8">
        <v>43819</v>
      </c>
    </row>
    <row r="171" spans="1:9" ht="24" x14ac:dyDescent="0.2">
      <c r="A171" s="4">
        <v>43556</v>
      </c>
      <c r="B171" s="5" t="s">
        <v>8</v>
      </c>
      <c r="C171" s="5" t="s">
        <v>9</v>
      </c>
      <c r="D171" s="6" t="s">
        <v>523</v>
      </c>
      <c r="E171" s="5" t="s">
        <v>524</v>
      </c>
      <c r="F171" s="7">
        <v>40040</v>
      </c>
      <c r="G171" s="5" t="s">
        <v>142</v>
      </c>
      <c r="H171" s="6" t="s">
        <v>143</v>
      </c>
      <c r="I171" s="8">
        <v>43819</v>
      </c>
    </row>
    <row r="172" spans="1:9" ht="24" x14ac:dyDescent="0.2">
      <c r="A172" s="4">
        <v>43556</v>
      </c>
      <c r="B172" s="5" t="s">
        <v>8</v>
      </c>
      <c r="C172" s="5" t="s">
        <v>9</v>
      </c>
      <c r="D172" s="6" t="s">
        <v>525</v>
      </c>
      <c r="E172" s="5" t="s">
        <v>331</v>
      </c>
      <c r="F172" s="7">
        <v>6677</v>
      </c>
      <c r="G172" s="5" t="s">
        <v>117</v>
      </c>
      <c r="H172" s="6" t="s">
        <v>118</v>
      </c>
      <c r="I172" s="8">
        <v>43819</v>
      </c>
    </row>
    <row r="173" spans="1:9" ht="24" x14ac:dyDescent="0.2">
      <c r="A173" s="4">
        <v>43556</v>
      </c>
      <c r="B173" s="5" t="s">
        <v>8</v>
      </c>
      <c r="C173" s="5" t="s">
        <v>9</v>
      </c>
      <c r="D173" s="6" t="s">
        <v>526</v>
      </c>
      <c r="E173" s="5" t="s">
        <v>527</v>
      </c>
      <c r="F173" s="7">
        <v>13200</v>
      </c>
      <c r="G173" s="5" t="s">
        <v>528</v>
      </c>
      <c r="H173" s="6" t="s">
        <v>529</v>
      </c>
      <c r="I173" s="8">
        <v>43819</v>
      </c>
    </row>
    <row r="174" spans="1:9" ht="24" x14ac:dyDescent="0.2">
      <c r="A174" s="4">
        <v>43556</v>
      </c>
      <c r="B174" s="5" t="s">
        <v>8</v>
      </c>
      <c r="C174" s="5" t="s">
        <v>9</v>
      </c>
      <c r="D174" s="6" t="s">
        <v>530</v>
      </c>
      <c r="E174" s="5" t="s">
        <v>531</v>
      </c>
      <c r="F174" s="7">
        <v>49170</v>
      </c>
      <c r="G174" s="5" t="s">
        <v>117</v>
      </c>
      <c r="H174" s="6" t="s">
        <v>118</v>
      </c>
      <c r="I174" s="8">
        <v>43819</v>
      </c>
    </row>
    <row r="175" spans="1:9" ht="24" x14ac:dyDescent="0.2">
      <c r="A175" s="4">
        <v>43556</v>
      </c>
      <c r="B175" s="5" t="s">
        <v>8</v>
      </c>
      <c r="C175" s="5" t="s">
        <v>9</v>
      </c>
      <c r="D175" s="6" t="s">
        <v>532</v>
      </c>
      <c r="E175" s="5" t="s">
        <v>533</v>
      </c>
      <c r="F175" s="7">
        <v>121000</v>
      </c>
      <c r="G175" s="5" t="s">
        <v>534</v>
      </c>
      <c r="H175" s="6" t="s">
        <v>535</v>
      </c>
      <c r="I175" s="8">
        <v>43819</v>
      </c>
    </row>
    <row r="176" spans="1:9" ht="24" x14ac:dyDescent="0.2">
      <c r="A176" s="4">
        <v>43556</v>
      </c>
      <c r="B176" s="5" t="s">
        <v>8</v>
      </c>
      <c r="C176" s="5" t="s">
        <v>9</v>
      </c>
      <c r="D176" s="6" t="s">
        <v>536</v>
      </c>
      <c r="E176" s="5" t="s">
        <v>537</v>
      </c>
      <c r="F176" s="7">
        <v>51282</v>
      </c>
      <c r="G176" s="5" t="s">
        <v>224</v>
      </c>
      <c r="H176" s="6" t="s">
        <v>225</v>
      </c>
      <c r="I176" s="8">
        <v>43822</v>
      </c>
    </row>
    <row r="177" spans="1:9" ht="24" x14ac:dyDescent="0.2">
      <c r="A177" s="4">
        <v>43556</v>
      </c>
      <c r="B177" s="5" t="s">
        <v>8</v>
      </c>
      <c r="C177" s="5" t="s">
        <v>9</v>
      </c>
      <c r="D177" s="6" t="s">
        <v>538</v>
      </c>
      <c r="E177" s="5" t="s">
        <v>449</v>
      </c>
      <c r="F177" s="7">
        <v>28380</v>
      </c>
      <c r="G177" s="5" t="s">
        <v>227</v>
      </c>
      <c r="H177" s="6" t="s">
        <v>207</v>
      </c>
      <c r="I177" s="8">
        <v>43822</v>
      </c>
    </row>
    <row r="178" spans="1:9" ht="24" x14ac:dyDescent="0.2">
      <c r="A178" s="4">
        <v>43556</v>
      </c>
      <c r="B178" s="5" t="s">
        <v>8</v>
      </c>
      <c r="C178" s="5" t="s">
        <v>9</v>
      </c>
      <c r="D178" s="6" t="s">
        <v>539</v>
      </c>
      <c r="E178" s="5" t="s">
        <v>540</v>
      </c>
      <c r="F178" s="7">
        <v>3712500</v>
      </c>
      <c r="G178" s="5" t="s">
        <v>541</v>
      </c>
      <c r="H178" s="6" t="s">
        <v>542</v>
      </c>
      <c r="I178" s="8">
        <v>43822</v>
      </c>
    </row>
    <row r="179" spans="1:9" ht="24" x14ac:dyDescent="0.2">
      <c r="A179" s="4">
        <v>43556</v>
      </c>
      <c r="B179" s="5" t="s">
        <v>8</v>
      </c>
      <c r="C179" s="5" t="s">
        <v>9</v>
      </c>
      <c r="D179" s="6" t="s">
        <v>543</v>
      </c>
      <c r="E179" s="5" t="s">
        <v>544</v>
      </c>
      <c r="F179" s="7">
        <v>29920</v>
      </c>
      <c r="G179" s="5" t="s">
        <v>441</v>
      </c>
      <c r="H179" s="6" t="s">
        <v>442</v>
      </c>
      <c r="I179" s="8">
        <v>43822</v>
      </c>
    </row>
    <row r="180" spans="1:9" ht="24" x14ac:dyDescent="0.2">
      <c r="A180" s="4">
        <v>43556</v>
      </c>
      <c r="B180" s="5" t="s">
        <v>8</v>
      </c>
      <c r="C180" s="5" t="s">
        <v>9</v>
      </c>
      <c r="D180" s="6" t="s">
        <v>545</v>
      </c>
      <c r="E180" s="5" t="s">
        <v>546</v>
      </c>
      <c r="F180" s="7">
        <v>79200</v>
      </c>
      <c r="G180" s="5" t="s">
        <v>36</v>
      </c>
      <c r="H180" s="6" t="s">
        <v>37</v>
      </c>
      <c r="I180" s="8">
        <v>43822</v>
      </c>
    </row>
    <row r="181" spans="1:9" ht="24" x14ac:dyDescent="0.2">
      <c r="A181" s="4">
        <v>43556</v>
      </c>
      <c r="B181" s="5" t="s">
        <v>8</v>
      </c>
      <c r="C181" s="5" t="s">
        <v>9</v>
      </c>
      <c r="D181" s="6" t="s">
        <v>547</v>
      </c>
      <c r="E181" s="5" t="s">
        <v>548</v>
      </c>
      <c r="F181" s="7">
        <v>93060</v>
      </c>
      <c r="G181" s="5" t="s">
        <v>441</v>
      </c>
      <c r="H181" s="6" t="s">
        <v>442</v>
      </c>
      <c r="I181" s="8">
        <v>43822</v>
      </c>
    </row>
    <row r="182" spans="1:9" ht="24" x14ac:dyDescent="0.2">
      <c r="A182" s="4">
        <v>43556</v>
      </c>
      <c r="B182" s="5" t="s">
        <v>8</v>
      </c>
      <c r="C182" s="5" t="s">
        <v>9</v>
      </c>
      <c r="D182" s="6" t="s">
        <v>549</v>
      </c>
      <c r="E182" s="5" t="s">
        <v>550</v>
      </c>
      <c r="F182" s="7">
        <v>44880</v>
      </c>
      <c r="G182" s="5" t="s">
        <v>551</v>
      </c>
      <c r="H182" s="6" t="s">
        <v>552</v>
      </c>
      <c r="I182" s="8">
        <v>43822</v>
      </c>
    </row>
    <row r="183" spans="1:9" ht="24" x14ac:dyDescent="0.2">
      <c r="A183" s="4">
        <v>43556</v>
      </c>
      <c r="B183" s="5" t="s">
        <v>8</v>
      </c>
      <c r="C183" s="5" t="s">
        <v>9</v>
      </c>
      <c r="D183" s="6" t="s">
        <v>553</v>
      </c>
      <c r="E183" s="5" t="s">
        <v>554</v>
      </c>
      <c r="F183" s="7">
        <v>534070</v>
      </c>
      <c r="G183" s="5" t="s">
        <v>555</v>
      </c>
      <c r="H183" s="6" t="s">
        <v>556</v>
      </c>
      <c r="I183" s="8">
        <v>43822</v>
      </c>
    </row>
    <row r="184" spans="1:9" ht="24" x14ac:dyDescent="0.2">
      <c r="A184" s="4">
        <v>43556</v>
      </c>
      <c r="B184" s="5" t="s">
        <v>8</v>
      </c>
      <c r="C184" s="5" t="s">
        <v>9</v>
      </c>
      <c r="D184" s="6" t="s">
        <v>557</v>
      </c>
      <c r="E184" s="5" t="s">
        <v>558</v>
      </c>
      <c r="F184" s="7">
        <v>1548250</v>
      </c>
      <c r="G184" s="5" t="s">
        <v>156</v>
      </c>
      <c r="H184" s="6" t="s">
        <v>157</v>
      </c>
      <c r="I184" s="8">
        <v>43822</v>
      </c>
    </row>
    <row r="185" spans="1:9" ht="24" x14ac:dyDescent="0.2">
      <c r="A185" s="4">
        <v>43556</v>
      </c>
      <c r="B185" s="5" t="s">
        <v>8</v>
      </c>
      <c r="C185" s="5" t="s">
        <v>9</v>
      </c>
      <c r="D185" s="6" t="s">
        <v>559</v>
      </c>
      <c r="E185" s="5" t="s">
        <v>560</v>
      </c>
      <c r="F185" s="7">
        <v>2360545</v>
      </c>
      <c r="G185" s="5" t="s">
        <v>132</v>
      </c>
      <c r="H185" s="6" t="s">
        <v>133</v>
      </c>
      <c r="I185" s="8">
        <v>43822</v>
      </c>
    </row>
    <row r="186" spans="1:9" ht="24" x14ac:dyDescent="0.2">
      <c r="A186" s="4">
        <v>43556</v>
      </c>
      <c r="B186" s="5" t="s">
        <v>8</v>
      </c>
      <c r="C186" s="5" t="s">
        <v>9</v>
      </c>
      <c r="D186" s="6" t="s">
        <v>561</v>
      </c>
      <c r="E186" s="5" t="s">
        <v>562</v>
      </c>
      <c r="F186" s="7">
        <v>1091200</v>
      </c>
      <c r="G186" s="5" t="s">
        <v>121</v>
      </c>
      <c r="H186" s="6" t="s">
        <v>122</v>
      </c>
      <c r="I186" s="8">
        <v>43823</v>
      </c>
    </row>
    <row r="187" spans="1:9" ht="36" x14ac:dyDescent="0.2">
      <c r="A187" s="4">
        <v>43556</v>
      </c>
      <c r="B187" s="5" t="s">
        <v>8</v>
      </c>
      <c r="C187" s="5" t="s">
        <v>9</v>
      </c>
      <c r="D187" s="6" t="s">
        <v>563</v>
      </c>
      <c r="E187" s="5" t="s">
        <v>564</v>
      </c>
      <c r="F187" s="7">
        <v>510000</v>
      </c>
      <c r="G187" s="5" t="s">
        <v>565</v>
      </c>
      <c r="H187" s="6" t="s">
        <v>566</v>
      </c>
      <c r="I187" s="8">
        <v>43823</v>
      </c>
    </row>
    <row r="188" spans="1:9" ht="24" x14ac:dyDescent="0.2">
      <c r="A188" s="4">
        <v>43556</v>
      </c>
      <c r="B188" s="5" t="s">
        <v>8</v>
      </c>
      <c r="C188" s="5" t="s">
        <v>9</v>
      </c>
      <c r="D188" s="6" t="s">
        <v>567</v>
      </c>
      <c r="E188" s="5" t="s">
        <v>568</v>
      </c>
      <c r="F188" s="7">
        <v>1237500</v>
      </c>
      <c r="G188" s="5" t="s">
        <v>128</v>
      </c>
      <c r="H188" s="6" t="s">
        <v>129</v>
      </c>
      <c r="I188" s="8">
        <v>43824</v>
      </c>
    </row>
    <row r="189" spans="1:9" ht="24" x14ac:dyDescent="0.2">
      <c r="A189" s="4">
        <v>43556</v>
      </c>
      <c r="B189" s="5" t="s">
        <v>8</v>
      </c>
      <c r="C189" s="5" t="s">
        <v>9</v>
      </c>
      <c r="D189" s="6" t="s">
        <v>569</v>
      </c>
      <c r="E189" s="5" t="s">
        <v>570</v>
      </c>
      <c r="F189" s="7">
        <v>278300</v>
      </c>
      <c r="G189" s="5" t="s">
        <v>194</v>
      </c>
      <c r="H189" s="6" t="s">
        <v>195</v>
      </c>
      <c r="I189" s="8">
        <v>43824</v>
      </c>
    </row>
    <row r="190" spans="1:9" ht="24" x14ac:dyDescent="0.2">
      <c r="A190" s="4">
        <v>43556</v>
      </c>
      <c r="B190" s="5" t="s">
        <v>8</v>
      </c>
      <c r="C190" s="5" t="s">
        <v>9</v>
      </c>
      <c r="D190" s="6" t="s">
        <v>571</v>
      </c>
      <c r="E190" s="5" t="s">
        <v>572</v>
      </c>
      <c r="F190" s="7">
        <v>5555</v>
      </c>
      <c r="G190" s="5" t="s">
        <v>20</v>
      </c>
      <c r="H190" s="6" t="s">
        <v>21</v>
      </c>
      <c r="I190" s="8">
        <v>43825</v>
      </c>
    </row>
    <row r="191" spans="1:9" ht="24" x14ac:dyDescent="0.2">
      <c r="A191" s="4">
        <v>43556</v>
      </c>
      <c r="B191" s="5" t="s">
        <v>8</v>
      </c>
      <c r="C191" s="5" t="s">
        <v>9</v>
      </c>
      <c r="D191" s="6" t="s">
        <v>573</v>
      </c>
      <c r="E191" s="5" t="s">
        <v>574</v>
      </c>
      <c r="F191" s="7">
        <v>63800</v>
      </c>
      <c r="G191" s="5" t="s">
        <v>575</v>
      </c>
      <c r="H191" s="6" t="s">
        <v>576</v>
      </c>
      <c r="I191" s="8">
        <v>43825</v>
      </c>
    </row>
    <row r="192" spans="1:9" ht="36" x14ac:dyDescent="0.2">
      <c r="A192" s="4">
        <v>43556</v>
      </c>
      <c r="B192" s="5" t="s">
        <v>8</v>
      </c>
      <c r="C192" s="5" t="s">
        <v>9</v>
      </c>
      <c r="D192" s="6" t="s">
        <v>577</v>
      </c>
      <c r="E192" s="5" t="s">
        <v>578</v>
      </c>
      <c r="F192" s="7">
        <v>95040</v>
      </c>
      <c r="G192" s="5" t="s">
        <v>579</v>
      </c>
      <c r="H192" s="6" t="s">
        <v>580</v>
      </c>
      <c r="I192" s="8">
        <v>43825</v>
      </c>
    </row>
    <row r="193" spans="1:9" ht="24" x14ac:dyDescent="0.2">
      <c r="A193" s="4">
        <v>43556</v>
      </c>
      <c r="B193" s="5" t="s">
        <v>8</v>
      </c>
      <c r="C193" s="5" t="s">
        <v>9</v>
      </c>
      <c r="D193" s="6" t="s">
        <v>581</v>
      </c>
      <c r="E193" s="5" t="s">
        <v>582</v>
      </c>
      <c r="F193" s="7">
        <v>40700</v>
      </c>
      <c r="G193" s="5" t="s">
        <v>583</v>
      </c>
      <c r="H193" s="6" t="s">
        <v>584</v>
      </c>
      <c r="I193" s="8">
        <v>43825</v>
      </c>
    </row>
    <row r="194" spans="1:9" ht="24" x14ac:dyDescent="0.2">
      <c r="A194" s="4">
        <v>43556</v>
      </c>
      <c r="B194" s="5" t="s">
        <v>8</v>
      </c>
      <c r="C194" s="5" t="s">
        <v>9</v>
      </c>
      <c r="D194" s="6" t="s">
        <v>585</v>
      </c>
      <c r="E194" s="5" t="s">
        <v>586</v>
      </c>
      <c r="F194" s="7">
        <v>17908</v>
      </c>
      <c r="G194" s="5" t="s">
        <v>117</v>
      </c>
      <c r="H194" s="6" t="s">
        <v>118</v>
      </c>
      <c r="I194" s="8">
        <v>43825</v>
      </c>
    </row>
    <row r="195" spans="1:9" ht="24" x14ac:dyDescent="0.2">
      <c r="A195" s="4">
        <v>43556</v>
      </c>
      <c r="B195" s="5" t="s">
        <v>8</v>
      </c>
      <c r="C195" s="5" t="s">
        <v>9</v>
      </c>
      <c r="D195" s="6" t="s">
        <v>587</v>
      </c>
      <c r="E195" s="5" t="s">
        <v>588</v>
      </c>
      <c r="F195" s="7">
        <v>4411</v>
      </c>
      <c r="G195" s="5" t="s">
        <v>589</v>
      </c>
      <c r="H195" s="6" t="s">
        <v>590</v>
      </c>
      <c r="I195" s="8">
        <v>43825</v>
      </c>
    </row>
    <row r="196" spans="1:9" ht="24" x14ac:dyDescent="0.2">
      <c r="A196" s="4">
        <v>43556</v>
      </c>
      <c r="B196" s="5" t="s">
        <v>8</v>
      </c>
      <c r="C196" s="5" t="s">
        <v>9</v>
      </c>
      <c r="D196" s="6" t="s">
        <v>591</v>
      </c>
      <c r="E196" s="5" t="s">
        <v>592</v>
      </c>
      <c r="F196" s="7">
        <v>46200</v>
      </c>
      <c r="G196" s="5" t="s">
        <v>593</v>
      </c>
      <c r="H196" s="6" t="s">
        <v>594</v>
      </c>
      <c r="I196" s="8">
        <v>43825</v>
      </c>
    </row>
    <row r="197" spans="1:9" ht="24" x14ac:dyDescent="0.2">
      <c r="A197" s="4">
        <v>43556</v>
      </c>
      <c r="B197" s="5" t="s">
        <v>8</v>
      </c>
      <c r="C197" s="5" t="s">
        <v>9</v>
      </c>
      <c r="D197" s="6" t="s">
        <v>595</v>
      </c>
      <c r="E197" s="5" t="s">
        <v>331</v>
      </c>
      <c r="F197" s="7">
        <v>4250</v>
      </c>
      <c r="G197" s="5" t="s">
        <v>596</v>
      </c>
      <c r="H197" s="6" t="s">
        <v>597</v>
      </c>
      <c r="I197" s="8">
        <v>43825</v>
      </c>
    </row>
    <row r="198" spans="1:9" ht="24" x14ac:dyDescent="0.2">
      <c r="A198" s="4">
        <v>43556</v>
      </c>
      <c r="B198" s="5" t="s">
        <v>8</v>
      </c>
      <c r="C198" s="5" t="s">
        <v>9</v>
      </c>
      <c r="D198" s="6" t="s">
        <v>598</v>
      </c>
      <c r="E198" s="5" t="s">
        <v>346</v>
      </c>
      <c r="F198" s="7">
        <v>4400</v>
      </c>
      <c r="G198" s="5" t="s">
        <v>599</v>
      </c>
      <c r="H198" s="6" t="s">
        <v>600</v>
      </c>
      <c r="I198" s="8">
        <v>43825</v>
      </c>
    </row>
    <row r="199" spans="1:9" ht="24" x14ac:dyDescent="0.2">
      <c r="A199" s="4">
        <v>43556</v>
      </c>
      <c r="B199" s="5" t="s">
        <v>8</v>
      </c>
      <c r="C199" s="5" t="s">
        <v>9</v>
      </c>
      <c r="D199" s="6" t="s">
        <v>601</v>
      </c>
      <c r="E199" s="5" t="s">
        <v>602</v>
      </c>
      <c r="F199" s="7">
        <v>11000</v>
      </c>
      <c r="G199" s="5" t="s">
        <v>351</v>
      </c>
      <c r="H199" s="6" t="s">
        <v>352</v>
      </c>
      <c r="I199" s="8">
        <v>43825</v>
      </c>
    </row>
    <row r="200" spans="1:9" ht="24" x14ac:dyDescent="0.2">
      <c r="A200" s="4">
        <v>43556</v>
      </c>
      <c r="B200" s="5" t="s">
        <v>8</v>
      </c>
      <c r="C200" s="5" t="s">
        <v>9</v>
      </c>
      <c r="D200" s="6" t="s">
        <v>603</v>
      </c>
      <c r="E200" s="5" t="s">
        <v>418</v>
      </c>
      <c r="F200" s="7">
        <v>134420</v>
      </c>
      <c r="G200" s="5" t="s">
        <v>419</v>
      </c>
      <c r="H200" s="6" t="s">
        <v>420</v>
      </c>
      <c r="I200" s="8">
        <v>43825</v>
      </c>
    </row>
    <row r="201" spans="1:9" ht="24" x14ac:dyDescent="0.2">
      <c r="A201" s="4">
        <v>43556</v>
      </c>
      <c r="B201" s="5" t="s">
        <v>8</v>
      </c>
      <c r="C201" s="5" t="s">
        <v>9</v>
      </c>
      <c r="D201" s="6" t="s">
        <v>604</v>
      </c>
      <c r="E201" s="5" t="s">
        <v>605</v>
      </c>
      <c r="F201" s="7">
        <v>5445000</v>
      </c>
      <c r="G201" s="5" t="s">
        <v>606</v>
      </c>
      <c r="H201" s="6" t="s">
        <v>607</v>
      </c>
      <c r="I201" s="8">
        <v>43825</v>
      </c>
    </row>
    <row r="202" spans="1:9" x14ac:dyDescent="0.2">
      <c r="A202" s="4">
        <v>43556</v>
      </c>
      <c r="B202" s="5" t="s">
        <v>8</v>
      </c>
      <c r="C202" s="5" t="s">
        <v>9</v>
      </c>
      <c r="D202" s="6" t="s">
        <v>608</v>
      </c>
      <c r="E202" s="5" t="s">
        <v>609</v>
      </c>
      <c r="F202" s="7">
        <v>22000</v>
      </c>
      <c r="G202" s="5" t="s">
        <v>108</v>
      </c>
      <c r="H202" s="6" t="s">
        <v>33</v>
      </c>
      <c r="I202" s="8">
        <v>43826</v>
      </c>
    </row>
    <row r="203" spans="1:9" ht="24" x14ac:dyDescent="0.2">
      <c r="A203" s="4">
        <v>43556</v>
      </c>
      <c r="B203" s="5" t="s">
        <v>8</v>
      </c>
      <c r="C203" s="5" t="s">
        <v>9</v>
      </c>
      <c r="D203" s="6" t="s">
        <v>610</v>
      </c>
      <c r="E203" s="5" t="s">
        <v>301</v>
      </c>
      <c r="F203" s="7">
        <v>594</v>
      </c>
      <c r="G203" s="5" t="s">
        <v>452</v>
      </c>
      <c r="H203" s="6" t="s">
        <v>453</v>
      </c>
      <c r="I203" s="8">
        <v>43826</v>
      </c>
    </row>
    <row r="204" spans="1:9" ht="24" x14ac:dyDescent="0.2">
      <c r="A204" s="4">
        <v>43556</v>
      </c>
      <c r="B204" s="5" t="s">
        <v>8</v>
      </c>
      <c r="C204" s="5" t="s">
        <v>9</v>
      </c>
      <c r="D204" s="6" t="s">
        <v>611</v>
      </c>
      <c r="E204" s="5" t="s">
        <v>331</v>
      </c>
      <c r="F204" s="7">
        <v>22990</v>
      </c>
      <c r="G204" s="5" t="s">
        <v>332</v>
      </c>
      <c r="H204" s="6" t="s">
        <v>333</v>
      </c>
      <c r="I204" s="8">
        <v>43826</v>
      </c>
    </row>
    <row r="205" spans="1:9" ht="36" x14ac:dyDescent="0.2">
      <c r="A205" s="4">
        <v>43556</v>
      </c>
      <c r="B205" s="5" t="s">
        <v>8</v>
      </c>
      <c r="C205" s="5" t="s">
        <v>9</v>
      </c>
      <c r="D205" s="6" t="s">
        <v>612</v>
      </c>
      <c r="E205" s="5" t="s">
        <v>613</v>
      </c>
      <c r="F205" s="7">
        <v>385000</v>
      </c>
      <c r="G205" s="5" t="s">
        <v>614</v>
      </c>
      <c r="H205" s="6" t="s">
        <v>615</v>
      </c>
      <c r="I205" s="8">
        <v>43826</v>
      </c>
    </row>
    <row r="206" spans="1:9" ht="24" x14ac:dyDescent="0.2">
      <c r="A206" s="4">
        <v>43556</v>
      </c>
      <c r="B206" s="5" t="s">
        <v>8</v>
      </c>
      <c r="C206" s="5" t="s">
        <v>9</v>
      </c>
      <c r="D206" s="6" t="s">
        <v>616</v>
      </c>
      <c r="E206" s="5" t="s">
        <v>617</v>
      </c>
      <c r="F206" s="7">
        <v>48219</v>
      </c>
      <c r="G206" s="5" t="s">
        <v>230</v>
      </c>
      <c r="H206" s="6" t="s">
        <v>231</v>
      </c>
      <c r="I206" s="8">
        <v>43826</v>
      </c>
    </row>
    <row r="207" spans="1:9" ht="24" x14ac:dyDescent="0.2">
      <c r="A207" s="4">
        <v>43556</v>
      </c>
      <c r="B207" s="5" t="s">
        <v>8</v>
      </c>
      <c r="C207" s="5" t="s">
        <v>618</v>
      </c>
      <c r="D207" s="6" t="s">
        <v>619</v>
      </c>
      <c r="E207" s="5" t="s">
        <v>620</v>
      </c>
      <c r="F207" s="7">
        <v>82180</v>
      </c>
      <c r="G207" s="5" t="s">
        <v>36</v>
      </c>
      <c r="H207" s="6" t="s">
        <v>37</v>
      </c>
      <c r="I207" s="8">
        <v>43741</v>
      </c>
    </row>
    <row r="208" spans="1:9" ht="24" x14ac:dyDescent="0.2">
      <c r="A208" s="4">
        <v>43556</v>
      </c>
      <c r="B208" s="5" t="s">
        <v>8</v>
      </c>
      <c r="C208" s="5" t="s">
        <v>618</v>
      </c>
      <c r="D208" s="6" t="s">
        <v>621</v>
      </c>
      <c r="E208" s="5" t="s">
        <v>622</v>
      </c>
      <c r="F208" s="7">
        <v>260129</v>
      </c>
      <c r="G208" s="5" t="s">
        <v>36</v>
      </c>
      <c r="H208" s="6" t="s">
        <v>37</v>
      </c>
      <c r="I208" s="8">
        <v>43742</v>
      </c>
    </row>
    <row r="209" spans="1:9" ht="24" x14ac:dyDescent="0.2">
      <c r="A209" s="4">
        <v>43556</v>
      </c>
      <c r="B209" s="5" t="s">
        <v>8</v>
      </c>
      <c r="C209" s="5" t="s">
        <v>618</v>
      </c>
      <c r="D209" s="6" t="s">
        <v>623</v>
      </c>
      <c r="E209" s="5" t="s">
        <v>624</v>
      </c>
      <c r="F209" s="7">
        <v>17280</v>
      </c>
      <c r="G209" s="5" t="s">
        <v>625</v>
      </c>
      <c r="H209" s="6" t="s">
        <v>265</v>
      </c>
      <c r="I209" s="8">
        <v>43746</v>
      </c>
    </row>
    <row r="210" spans="1:9" ht="24" x14ac:dyDescent="0.2">
      <c r="A210" s="4">
        <v>43556</v>
      </c>
      <c r="B210" s="5" t="s">
        <v>8</v>
      </c>
      <c r="C210" s="5" t="s">
        <v>618</v>
      </c>
      <c r="D210" s="6" t="s">
        <v>626</v>
      </c>
      <c r="E210" s="5" t="s">
        <v>627</v>
      </c>
      <c r="F210" s="7">
        <v>9141</v>
      </c>
      <c r="G210" s="5" t="s">
        <v>328</v>
      </c>
      <c r="H210" s="6" t="s">
        <v>329</v>
      </c>
      <c r="I210" s="8">
        <v>43767</v>
      </c>
    </row>
    <row r="211" spans="1:9" ht="24" x14ac:dyDescent="0.2">
      <c r="A211" s="4">
        <v>43556</v>
      </c>
      <c r="B211" s="5" t="s">
        <v>8</v>
      </c>
      <c r="C211" s="5" t="s">
        <v>618</v>
      </c>
      <c r="D211" s="6" t="s">
        <v>628</v>
      </c>
      <c r="E211" s="5" t="s">
        <v>629</v>
      </c>
      <c r="F211" s="7">
        <v>59092</v>
      </c>
      <c r="G211" s="5" t="s">
        <v>36</v>
      </c>
      <c r="H211" s="6" t="s">
        <v>37</v>
      </c>
      <c r="I211" s="8">
        <v>43775</v>
      </c>
    </row>
    <row r="212" spans="1:9" ht="24" x14ac:dyDescent="0.2">
      <c r="A212" s="4">
        <v>43556</v>
      </c>
      <c r="B212" s="5" t="s">
        <v>8</v>
      </c>
      <c r="C212" s="5" t="s">
        <v>618</v>
      </c>
      <c r="D212" s="6" t="s">
        <v>630</v>
      </c>
      <c r="E212" s="5" t="s">
        <v>631</v>
      </c>
      <c r="F212" s="7">
        <v>17600</v>
      </c>
      <c r="G212" s="5" t="s">
        <v>625</v>
      </c>
      <c r="H212" s="6" t="s">
        <v>265</v>
      </c>
      <c r="I212" s="8">
        <v>43775</v>
      </c>
    </row>
    <row r="213" spans="1:9" ht="24" x14ac:dyDescent="0.2">
      <c r="A213" s="4">
        <v>43556</v>
      </c>
      <c r="B213" s="5" t="s">
        <v>8</v>
      </c>
      <c r="C213" s="5" t="s">
        <v>618</v>
      </c>
      <c r="D213" s="6" t="s">
        <v>632</v>
      </c>
      <c r="E213" s="5" t="s">
        <v>633</v>
      </c>
      <c r="F213" s="7">
        <v>71942</v>
      </c>
      <c r="G213" s="5" t="s">
        <v>224</v>
      </c>
      <c r="H213" s="6" t="s">
        <v>225</v>
      </c>
      <c r="I213" s="8">
        <v>43775</v>
      </c>
    </row>
    <row r="214" spans="1:9" ht="24" x14ac:dyDescent="0.2">
      <c r="A214" s="4">
        <v>43556</v>
      </c>
      <c r="B214" s="5" t="s">
        <v>8</v>
      </c>
      <c r="C214" s="5" t="s">
        <v>618</v>
      </c>
      <c r="D214" s="6" t="s">
        <v>634</v>
      </c>
      <c r="E214" s="5" t="s">
        <v>635</v>
      </c>
      <c r="F214" s="7">
        <v>46190</v>
      </c>
      <c r="G214" s="5" t="s">
        <v>636</v>
      </c>
      <c r="H214" s="6" t="s">
        <v>637</v>
      </c>
      <c r="I214" s="8">
        <v>43783</v>
      </c>
    </row>
    <row r="215" spans="1:9" ht="24" x14ac:dyDescent="0.2">
      <c r="A215" s="4">
        <v>43556</v>
      </c>
      <c r="B215" s="5" t="s">
        <v>8</v>
      </c>
      <c r="C215" s="5" t="s">
        <v>618</v>
      </c>
      <c r="D215" s="6" t="s">
        <v>638</v>
      </c>
      <c r="E215" s="5" t="s">
        <v>639</v>
      </c>
      <c r="F215" s="7">
        <v>24750</v>
      </c>
      <c r="G215" s="5" t="s">
        <v>53</v>
      </c>
      <c r="H215" s="6" t="s">
        <v>54</v>
      </c>
      <c r="I215" s="8">
        <v>43783</v>
      </c>
    </row>
    <row r="216" spans="1:9" ht="24" x14ac:dyDescent="0.2">
      <c r="A216" s="4">
        <v>43556</v>
      </c>
      <c r="B216" s="5" t="s">
        <v>8</v>
      </c>
      <c r="C216" s="5" t="s">
        <v>618</v>
      </c>
      <c r="D216" s="6" t="s">
        <v>640</v>
      </c>
      <c r="E216" s="5" t="s">
        <v>641</v>
      </c>
      <c r="F216" s="7">
        <v>9955</v>
      </c>
      <c r="G216" s="5" t="s">
        <v>642</v>
      </c>
      <c r="H216" s="6" t="s">
        <v>58</v>
      </c>
      <c r="I216" s="8">
        <v>43787</v>
      </c>
    </row>
    <row r="217" spans="1:9" ht="24" x14ac:dyDescent="0.2">
      <c r="A217" s="4">
        <v>43556</v>
      </c>
      <c r="B217" s="5" t="s">
        <v>8</v>
      </c>
      <c r="C217" s="5" t="s">
        <v>618</v>
      </c>
      <c r="D217" s="6" t="s">
        <v>643</v>
      </c>
      <c r="E217" s="5" t="s">
        <v>644</v>
      </c>
      <c r="F217" s="7">
        <v>7678</v>
      </c>
      <c r="G217" s="5" t="s">
        <v>117</v>
      </c>
      <c r="H217" s="6" t="s">
        <v>118</v>
      </c>
      <c r="I217" s="8">
        <v>43791</v>
      </c>
    </row>
    <row r="218" spans="1:9" ht="24" x14ac:dyDescent="0.2">
      <c r="A218" s="4">
        <v>43556</v>
      </c>
      <c r="B218" s="5" t="s">
        <v>8</v>
      </c>
      <c r="C218" s="5" t="s">
        <v>618</v>
      </c>
      <c r="D218" s="6" t="s">
        <v>645</v>
      </c>
      <c r="E218" s="5" t="s">
        <v>646</v>
      </c>
      <c r="F218" s="7">
        <v>1595</v>
      </c>
      <c r="G218" s="5" t="s">
        <v>647</v>
      </c>
      <c r="H218" s="6" t="s">
        <v>648</v>
      </c>
      <c r="I218" s="8">
        <v>43801</v>
      </c>
    </row>
    <row r="219" spans="1:9" ht="24" x14ac:dyDescent="0.2">
      <c r="A219" s="4">
        <v>43556</v>
      </c>
      <c r="B219" s="5" t="s">
        <v>8</v>
      </c>
      <c r="C219" s="5" t="s">
        <v>618</v>
      </c>
      <c r="D219" s="6" t="s">
        <v>649</v>
      </c>
      <c r="E219" s="5" t="s">
        <v>650</v>
      </c>
      <c r="F219" s="7">
        <v>59092</v>
      </c>
      <c r="G219" s="5" t="s">
        <v>36</v>
      </c>
      <c r="H219" s="6" t="s">
        <v>37</v>
      </c>
      <c r="I219" s="8">
        <v>43802</v>
      </c>
    </row>
    <row r="220" spans="1:9" ht="24" x14ac:dyDescent="0.2">
      <c r="A220" s="4">
        <v>43556</v>
      </c>
      <c r="B220" s="5" t="s">
        <v>8</v>
      </c>
      <c r="C220" s="5" t="s">
        <v>618</v>
      </c>
      <c r="D220" s="6" t="s">
        <v>651</v>
      </c>
      <c r="E220" s="5" t="s">
        <v>652</v>
      </c>
      <c r="F220" s="7">
        <v>17600</v>
      </c>
      <c r="G220" s="5" t="s">
        <v>625</v>
      </c>
      <c r="H220" s="6" t="s">
        <v>265</v>
      </c>
      <c r="I220" s="8">
        <v>43804</v>
      </c>
    </row>
    <row r="221" spans="1:9" ht="24" x14ac:dyDescent="0.2">
      <c r="A221" s="4">
        <v>43556</v>
      </c>
      <c r="B221" s="5" t="s">
        <v>8</v>
      </c>
      <c r="C221" s="5" t="s">
        <v>618</v>
      </c>
      <c r="D221" s="6" t="s">
        <v>653</v>
      </c>
      <c r="E221" s="5" t="s">
        <v>654</v>
      </c>
      <c r="F221" s="7">
        <v>122130</v>
      </c>
      <c r="G221" s="5" t="s">
        <v>224</v>
      </c>
      <c r="H221" s="6" t="s">
        <v>225</v>
      </c>
      <c r="I221" s="8">
        <v>43809</v>
      </c>
    </row>
    <row r="222" spans="1:9" ht="24" x14ac:dyDescent="0.2">
      <c r="A222" s="4">
        <v>43556</v>
      </c>
      <c r="B222" s="5" t="s">
        <v>8</v>
      </c>
      <c r="C222" s="5" t="s">
        <v>618</v>
      </c>
      <c r="D222" s="6" t="s">
        <v>655</v>
      </c>
      <c r="E222" s="5" t="s">
        <v>656</v>
      </c>
      <c r="F222" s="7">
        <v>95040</v>
      </c>
      <c r="G222" s="5" t="s">
        <v>657</v>
      </c>
      <c r="H222" s="6" t="s">
        <v>658</v>
      </c>
      <c r="I222" s="8">
        <v>43818</v>
      </c>
    </row>
    <row r="223" spans="1:9" ht="24" x14ac:dyDescent="0.2">
      <c r="A223" s="4">
        <v>43556</v>
      </c>
      <c r="B223" s="5" t="s">
        <v>8</v>
      </c>
      <c r="C223" s="5" t="s">
        <v>659</v>
      </c>
      <c r="D223" s="6" t="s">
        <v>660</v>
      </c>
      <c r="E223" s="5" t="s">
        <v>661</v>
      </c>
      <c r="F223" s="7">
        <v>59767</v>
      </c>
      <c r="G223" s="5" t="s">
        <v>36</v>
      </c>
      <c r="H223" s="6" t="s">
        <v>37</v>
      </c>
      <c r="I223" s="8">
        <v>43740</v>
      </c>
    </row>
    <row r="224" spans="1:9" ht="24" x14ac:dyDescent="0.2">
      <c r="A224" s="4">
        <v>43556</v>
      </c>
      <c r="B224" s="5" t="s">
        <v>8</v>
      </c>
      <c r="C224" s="5" t="s">
        <v>659</v>
      </c>
      <c r="D224" s="6" t="s">
        <v>662</v>
      </c>
      <c r="E224" s="5" t="s">
        <v>663</v>
      </c>
      <c r="F224" s="7">
        <v>64238</v>
      </c>
      <c r="G224" s="5" t="s">
        <v>117</v>
      </c>
      <c r="H224" s="6" t="s">
        <v>118</v>
      </c>
      <c r="I224" s="8">
        <v>43741</v>
      </c>
    </row>
    <row r="225" spans="1:9" ht="24" x14ac:dyDescent="0.2">
      <c r="A225" s="4">
        <v>43556</v>
      </c>
      <c r="B225" s="5" t="s">
        <v>8</v>
      </c>
      <c r="C225" s="5" t="s">
        <v>659</v>
      </c>
      <c r="D225" s="6" t="s">
        <v>664</v>
      </c>
      <c r="E225" s="5" t="s">
        <v>665</v>
      </c>
      <c r="F225" s="7">
        <v>45916</v>
      </c>
      <c r="G225" s="5" t="s">
        <v>666</v>
      </c>
      <c r="H225" s="6" t="s">
        <v>667</v>
      </c>
      <c r="I225" s="8">
        <v>43745</v>
      </c>
    </row>
    <row r="226" spans="1:9" ht="24" x14ac:dyDescent="0.2">
      <c r="A226" s="4">
        <v>43556</v>
      </c>
      <c r="B226" s="5" t="s">
        <v>8</v>
      </c>
      <c r="C226" s="5" t="s">
        <v>659</v>
      </c>
      <c r="D226" s="6" t="s">
        <v>668</v>
      </c>
      <c r="E226" s="5" t="s">
        <v>669</v>
      </c>
      <c r="F226" s="7">
        <v>34581</v>
      </c>
      <c r="G226" s="5" t="s">
        <v>328</v>
      </c>
      <c r="H226" s="6" t="s">
        <v>329</v>
      </c>
      <c r="I226" s="8">
        <v>43746</v>
      </c>
    </row>
    <row r="227" spans="1:9" ht="24" x14ac:dyDescent="0.2">
      <c r="A227" s="4">
        <v>43556</v>
      </c>
      <c r="B227" s="5" t="s">
        <v>8</v>
      </c>
      <c r="C227" s="5" t="s">
        <v>659</v>
      </c>
      <c r="D227" s="6" t="s">
        <v>670</v>
      </c>
      <c r="E227" s="5" t="s">
        <v>671</v>
      </c>
      <c r="F227" s="7">
        <v>11000</v>
      </c>
      <c r="G227" s="5" t="s">
        <v>672</v>
      </c>
      <c r="H227" s="6" t="s">
        <v>658</v>
      </c>
      <c r="I227" s="8">
        <v>43754</v>
      </c>
    </row>
    <row r="228" spans="1:9" ht="24" x14ac:dyDescent="0.2">
      <c r="A228" s="4">
        <v>43556</v>
      </c>
      <c r="B228" s="5" t="s">
        <v>8</v>
      </c>
      <c r="C228" s="5" t="s">
        <v>659</v>
      </c>
      <c r="D228" s="6" t="s">
        <v>673</v>
      </c>
      <c r="E228" s="5" t="s">
        <v>674</v>
      </c>
      <c r="F228" s="7">
        <v>4180</v>
      </c>
      <c r="G228" s="5" t="s">
        <v>675</v>
      </c>
      <c r="H228" s="6" t="s">
        <v>676</v>
      </c>
      <c r="I228" s="8">
        <v>43763</v>
      </c>
    </row>
    <row r="229" spans="1:9" ht="24" x14ac:dyDescent="0.2">
      <c r="A229" s="4">
        <v>43556</v>
      </c>
      <c r="B229" s="5" t="s">
        <v>8</v>
      </c>
      <c r="C229" s="5" t="s">
        <v>659</v>
      </c>
      <c r="D229" s="6" t="s">
        <v>677</v>
      </c>
      <c r="E229" s="5" t="s">
        <v>678</v>
      </c>
      <c r="F229" s="7">
        <v>65740</v>
      </c>
      <c r="G229" s="5" t="s">
        <v>36</v>
      </c>
      <c r="H229" s="6" t="s">
        <v>37</v>
      </c>
      <c r="I229" s="8">
        <v>43774</v>
      </c>
    </row>
    <row r="230" spans="1:9" ht="24" x14ac:dyDescent="0.2">
      <c r="A230" s="4">
        <v>43556</v>
      </c>
      <c r="B230" s="5" t="s">
        <v>8</v>
      </c>
      <c r="C230" s="5" t="s">
        <v>659</v>
      </c>
      <c r="D230" s="6" t="s">
        <v>679</v>
      </c>
      <c r="E230" s="5" t="s">
        <v>680</v>
      </c>
      <c r="F230" s="7">
        <v>10048</v>
      </c>
      <c r="G230" s="5" t="s">
        <v>666</v>
      </c>
      <c r="H230" s="6" t="s">
        <v>667</v>
      </c>
      <c r="I230" s="8">
        <v>43775</v>
      </c>
    </row>
    <row r="231" spans="1:9" ht="24" x14ac:dyDescent="0.2">
      <c r="A231" s="4">
        <v>43556</v>
      </c>
      <c r="B231" s="5" t="s">
        <v>8</v>
      </c>
      <c r="C231" s="5" t="s">
        <v>659</v>
      </c>
      <c r="D231" s="6" t="s">
        <v>681</v>
      </c>
      <c r="E231" s="5" t="s">
        <v>682</v>
      </c>
      <c r="F231" s="7">
        <v>13090</v>
      </c>
      <c r="G231" s="5" t="s">
        <v>254</v>
      </c>
      <c r="H231" s="6" t="s">
        <v>255</v>
      </c>
      <c r="I231" s="8">
        <v>43776</v>
      </c>
    </row>
    <row r="232" spans="1:9" ht="24" x14ac:dyDescent="0.2">
      <c r="A232" s="4">
        <v>43556</v>
      </c>
      <c r="B232" s="5" t="s">
        <v>8</v>
      </c>
      <c r="C232" s="5" t="s">
        <v>659</v>
      </c>
      <c r="D232" s="6" t="s">
        <v>683</v>
      </c>
      <c r="E232" s="5" t="s">
        <v>684</v>
      </c>
      <c r="F232" s="7">
        <v>16412</v>
      </c>
      <c r="G232" s="5" t="s">
        <v>328</v>
      </c>
      <c r="H232" s="6" t="s">
        <v>329</v>
      </c>
      <c r="I232" s="8">
        <v>43776</v>
      </c>
    </row>
    <row r="233" spans="1:9" ht="24" x14ac:dyDescent="0.2">
      <c r="A233" s="4">
        <v>43556</v>
      </c>
      <c r="B233" s="5" t="s">
        <v>8</v>
      </c>
      <c r="C233" s="5" t="s">
        <v>659</v>
      </c>
      <c r="D233" s="6" t="s">
        <v>685</v>
      </c>
      <c r="E233" s="5" t="s">
        <v>678</v>
      </c>
      <c r="F233" s="7">
        <v>62046</v>
      </c>
      <c r="G233" s="5" t="s">
        <v>36</v>
      </c>
      <c r="H233" s="6" t="s">
        <v>37</v>
      </c>
      <c r="I233" s="8">
        <v>43802</v>
      </c>
    </row>
    <row r="234" spans="1:9" ht="24" x14ac:dyDescent="0.2">
      <c r="A234" s="4">
        <v>43556</v>
      </c>
      <c r="B234" s="5" t="s">
        <v>8</v>
      </c>
      <c r="C234" s="5" t="s">
        <v>659</v>
      </c>
      <c r="D234" s="6" t="s">
        <v>686</v>
      </c>
      <c r="E234" s="5" t="s">
        <v>687</v>
      </c>
      <c r="F234" s="7">
        <v>104060</v>
      </c>
      <c r="G234" s="5" t="s">
        <v>688</v>
      </c>
      <c r="H234" s="6" t="s">
        <v>689</v>
      </c>
      <c r="I234" s="8">
        <v>43802</v>
      </c>
    </row>
    <row r="235" spans="1:9" ht="24" x14ac:dyDescent="0.2">
      <c r="A235" s="4">
        <v>43556</v>
      </c>
      <c r="B235" s="5" t="s">
        <v>8</v>
      </c>
      <c r="C235" s="5" t="s">
        <v>659</v>
      </c>
      <c r="D235" s="6" t="s">
        <v>690</v>
      </c>
      <c r="E235" s="5" t="s">
        <v>691</v>
      </c>
      <c r="F235" s="7">
        <v>19525</v>
      </c>
      <c r="G235" s="5" t="s">
        <v>117</v>
      </c>
      <c r="H235" s="6" t="s">
        <v>118</v>
      </c>
      <c r="I235" s="8">
        <v>43803</v>
      </c>
    </row>
    <row r="236" spans="1:9" ht="24" x14ac:dyDescent="0.2">
      <c r="A236" s="4">
        <v>43556</v>
      </c>
      <c r="B236" s="5" t="s">
        <v>8</v>
      </c>
      <c r="C236" s="5" t="s">
        <v>659</v>
      </c>
      <c r="D236" s="6" t="s">
        <v>692</v>
      </c>
      <c r="E236" s="5" t="s">
        <v>680</v>
      </c>
      <c r="F236" s="7">
        <v>19497</v>
      </c>
      <c r="G236" s="5" t="s">
        <v>666</v>
      </c>
      <c r="H236" s="6" t="s">
        <v>667</v>
      </c>
      <c r="I236" s="8">
        <v>43803</v>
      </c>
    </row>
    <row r="237" spans="1:9" ht="24" x14ac:dyDescent="0.2">
      <c r="A237" s="4">
        <v>43556</v>
      </c>
      <c r="B237" s="5" t="s">
        <v>8</v>
      </c>
      <c r="C237" s="5" t="s">
        <v>659</v>
      </c>
      <c r="D237" s="6" t="s">
        <v>693</v>
      </c>
      <c r="E237" s="5" t="s">
        <v>682</v>
      </c>
      <c r="F237" s="7">
        <v>10472</v>
      </c>
      <c r="G237" s="5" t="s">
        <v>254</v>
      </c>
      <c r="H237" s="6" t="s">
        <v>255</v>
      </c>
      <c r="I237" s="8">
        <v>43804</v>
      </c>
    </row>
    <row r="238" spans="1:9" ht="24" x14ac:dyDescent="0.2">
      <c r="A238" s="4">
        <v>43556</v>
      </c>
      <c r="B238" s="5" t="s">
        <v>8</v>
      </c>
      <c r="C238" s="5" t="s">
        <v>659</v>
      </c>
      <c r="D238" s="6" t="s">
        <v>694</v>
      </c>
      <c r="E238" s="5" t="s">
        <v>684</v>
      </c>
      <c r="F238" s="7">
        <v>26268</v>
      </c>
      <c r="G238" s="5" t="s">
        <v>328</v>
      </c>
      <c r="H238" s="6" t="s">
        <v>329</v>
      </c>
      <c r="I238" s="8">
        <v>43808</v>
      </c>
    </row>
    <row r="239" spans="1:9" ht="24" x14ac:dyDescent="0.2">
      <c r="A239" s="4">
        <v>43556</v>
      </c>
      <c r="B239" s="5" t="s">
        <v>8</v>
      </c>
      <c r="C239" s="5" t="s">
        <v>659</v>
      </c>
      <c r="D239" s="6" t="s">
        <v>695</v>
      </c>
      <c r="E239" s="5" t="s">
        <v>696</v>
      </c>
      <c r="F239" s="7">
        <v>211200</v>
      </c>
      <c r="G239" s="5" t="s">
        <v>117</v>
      </c>
      <c r="H239" s="6" t="s">
        <v>118</v>
      </c>
      <c r="I239" s="8">
        <v>43816</v>
      </c>
    </row>
    <row r="240" spans="1:9" ht="24" x14ac:dyDescent="0.2">
      <c r="A240" s="4">
        <v>43556</v>
      </c>
      <c r="B240" s="5" t="s">
        <v>8</v>
      </c>
      <c r="C240" s="5" t="s">
        <v>659</v>
      </c>
      <c r="D240" s="6" t="s">
        <v>697</v>
      </c>
      <c r="E240" s="5" t="s">
        <v>698</v>
      </c>
      <c r="F240" s="7">
        <v>66539</v>
      </c>
      <c r="G240" s="5" t="s">
        <v>117</v>
      </c>
      <c r="H240" s="6" t="s">
        <v>118</v>
      </c>
      <c r="I240" s="8">
        <v>43826</v>
      </c>
    </row>
    <row r="241" spans="1:9" ht="24" x14ac:dyDescent="0.2">
      <c r="A241" s="4">
        <v>43556</v>
      </c>
      <c r="B241" s="5" t="s">
        <v>8</v>
      </c>
      <c r="C241" s="5" t="s">
        <v>699</v>
      </c>
      <c r="D241" s="6" t="s">
        <v>700</v>
      </c>
      <c r="E241" s="5" t="s">
        <v>701</v>
      </c>
      <c r="F241" s="7">
        <v>55339</v>
      </c>
      <c r="G241" s="5" t="s">
        <v>36</v>
      </c>
      <c r="H241" s="6" t="s">
        <v>37</v>
      </c>
      <c r="I241" s="8">
        <v>43740</v>
      </c>
    </row>
    <row r="242" spans="1:9" ht="24" x14ac:dyDescent="0.2">
      <c r="A242" s="4">
        <v>43556</v>
      </c>
      <c r="B242" s="5" t="s">
        <v>8</v>
      </c>
      <c r="C242" s="5" t="s">
        <v>699</v>
      </c>
      <c r="D242" s="6" t="s">
        <v>702</v>
      </c>
      <c r="E242" s="5" t="s">
        <v>703</v>
      </c>
      <c r="F242" s="7">
        <v>100404</v>
      </c>
      <c r="G242" s="5" t="s">
        <v>36</v>
      </c>
      <c r="H242" s="6" t="s">
        <v>37</v>
      </c>
      <c r="I242" s="8">
        <v>43741</v>
      </c>
    </row>
    <row r="243" spans="1:9" ht="24" x14ac:dyDescent="0.2">
      <c r="A243" s="4">
        <v>43556</v>
      </c>
      <c r="B243" s="5" t="s">
        <v>8</v>
      </c>
      <c r="C243" s="5" t="s">
        <v>699</v>
      </c>
      <c r="D243" s="6" t="s">
        <v>704</v>
      </c>
      <c r="E243" s="5" t="s">
        <v>705</v>
      </c>
      <c r="F243" s="7">
        <v>9680</v>
      </c>
      <c r="G243" s="5" t="s">
        <v>706</v>
      </c>
      <c r="H243" s="6" t="s">
        <v>219</v>
      </c>
      <c r="I243" s="8">
        <v>43754</v>
      </c>
    </row>
    <row r="244" spans="1:9" ht="24" x14ac:dyDescent="0.2">
      <c r="A244" s="4">
        <v>43556</v>
      </c>
      <c r="B244" s="5" t="s">
        <v>8</v>
      </c>
      <c r="C244" s="5" t="s">
        <v>699</v>
      </c>
      <c r="D244" s="6" t="s">
        <v>707</v>
      </c>
      <c r="E244" s="5" t="s">
        <v>708</v>
      </c>
      <c r="F244" s="7">
        <v>83160</v>
      </c>
      <c r="G244" s="5" t="s">
        <v>202</v>
      </c>
      <c r="H244" s="6" t="s">
        <v>203</v>
      </c>
      <c r="I244" s="8">
        <v>43768</v>
      </c>
    </row>
    <row r="245" spans="1:9" ht="24" x14ac:dyDescent="0.2">
      <c r="A245" s="4">
        <v>43556</v>
      </c>
      <c r="B245" s="5" t="s">
        <v>8</v>
      </c>
      <c r="C245" s="5" t="s">
        <v>699</v>
      </c>
      <c r="D245" s="6" t="s">
        <v>709</v>
      </c>
      <c r="E245" s="5" t="s">
        <v>710</v>
      </c>
      <c r="F245" s="7">
        <v>60865</v>
      </c>
      <c r="G245" s="5" t="s">
        <v>36</v>
      </c>
      <c r="H245" s="6" t="s">
        <v>37</v>
      </c>
      <c r="I245" s="8">
        <v>43777</v>
      </c>
    </row>
    <row r="246" spans="1:9" ht="24" x14ac:dyDescent="0.2">
      <c r="A246" s="4">
        <v>43556</v>
      </c>
      <c r="B246" s="5" t="s">
        <v>8</v>
      </c>
      <c r="C246" s="5" t="s">
        <v>699</v>
      </c>
      <c r="D246" s="6" t="s">
        <v>711</v>
      </c>
      <c r="E246" s="5" t="s">
        <v>712</v>
      </c>
      <c r="F246" s="7">
        <v>16720</v>
      </c>
      <c r="G246" s="5" t="s">
        <v>264</v>
      </c>
      <c r="H246" s="6" t="s">
        <v>265</v>
      </c>
      <c r="I246" s="8">
        <v>43777</v>
      </c>
    </row>
    <row r="247" spans="1:9" ht="24" x14ac:dyDescent="0.2">
      <c r="A247" s="4">
        <v>43556</v>
      </c>
      <c r="B247" s="5" t="s">
        <v>8</v>
      </c>
      <c r="C247" s="5" t="s">
        <v>699</v>
      </c>
      <c r="D247" s="6" t="s">
        <v>713</v>
      </c>
      <c r="E247" s="5" t="s">
        <v>714</v>
      </c>
      <c r="F247" s="7">
        <v>85987</v>
      </c>
      <c r="G247" s="5" t="s">
        <v>36</v>
      </c>
      <c r="H247" s="6" t="s">
        <v>37</v>
      </c>
      <c r="I247" s="8">
        <v>43777</v>
      </c>
    </row>
    <row r="248" spans="1:9" ht="24" x14ac:dyDescent="0.2">
      <c r="A248" s="4">
        <v>43556</v>
      </c>
      <c r="B248" s="5" t="s">
        <v>8</v>
      </c>
      <c r="C248" s="5" t="s">
        <v>699</v>
      </c>
      <c r="D248" s="6" t="s">
        <v>715</v>
      </c>
      <c r="E248" s="5" t="s">
        <v>716</v>
      </c>
      <c r="F248" s="7">
        <v>83534</v>
      </c>
      <c r="G248" s="5" t="s">
        <v>642</v>
      </c>
      <c r="H248" s="6" t="s">
        <v>58</v>
      </c>
      <c r="I248" s="8">
        <v>43795</v>
      </c>
    </row>
    <row r="249" spans="1:9" ht="24" x14ac:dyDescent="0.2">
      <c r="A249" s="4">
        <v>43556</v>
      </c>
      <c r="B249" s="5" t="s">
        <v>8</v>
      </c>
      <c r="C249" s="5" t="s">
        <v>699</v>
      </c>
      <c r="D249" s="6" t="s">
        <v>717</v>
      </c>
      <c r="E249" s="5" t="s">
        <v>718</v>
      </c>
      <c r="F249" s="7">
        <v>62638</v>
      </c>
      <c r="G249" s="5" t="s">
        <v>36</v>
      </c>
      <c r="H249" s="6" t="s">
        <v>37</v>
      </c>
      <c r="I249" s="8">
        <v>43802</v>
      </c>
    </row>
    <row r="250" spans="1:9" ht="24" x14ac:dyDescent="0.2">
      <c r="A250" s="4">
        <v>43556</v>
      </c>
      <c r="B250" s="5" t="s">
        <v>8</v>
      </c>
      <c r="C250" s="5" t="s">
        <v>699</v>
      </c>
      <c r="D250" s="6" t="s">
        <v>719</v>
      </c>
      <c r="E250" s="5" t="s">
        <v>720</v>
      </c>
      <c r="F250" s="7">
        <v>16720</v>
      </c>
      <c r="G250" s="5" t="s">
        <v>264</v>
      </c>
      <c r="H250" s="6" t="s">
        <v>265</v>
      </c>
      <c r="I250" s="8">
        <v>43804</v>
      </c>
    </row>
    <row r="251" spans="1:9" ht="24" x14ac:dyDescent="0.2">
      <c r="A251" s="4">
        <v>43556</v>
      </c>
      <c r="B251" s="5" t="s">
        <v>8</v>
      </c>
      <c r="C251" s="5" t="s">
        <v>699</v>
      </c>
      <c r="D251" s="6" t="s">
        <v>721</v>
      </c>
      <c r="E251" s="5" t="s">
        <v>722</v>
      </c>
      <c r="F251" s="7">
        <v>109472</v>
      </c>
      <c r="G251" s="5" t="s">
        <v>36</v>
      </c>
      <c r="H251" s="6" t="s">
        <v>37</v>
      </c>
      <c r="I251" s="8">
        <v>43805</v>
      </c>
    </row>
    <row r="252" spans="1:9" ht="24" x14ac:dyDescent="0.2">
      <c r="A252" s="4">
        <v>43556</v>
      </c>
      <c r="B252" s="5" t="s">
        <v>8</v>
      </c>
      <c r="C252" s="5" t="s">
        <v>699</v>
      </c>
      <c r="D252" s="6" t="s">
        <v>723</v>
      </c>
      <c r="E252" s="5" t="s">
        <v>724</v>
      </c>
      <c r="F252" s="7">
        <v>61545</v>
      </c>
      <c r="G252" s="5" t="s">
        <v>636</v>
      </c>
      <c r="H252" s="6" t="s">
        <v>637</v>
      </c>
      <c r="I252" s="8">
        <v>43826</v>
      </c>
    </row>
    <row r="253" spans="1:9" ht="24" x14ac:dyDescent="0.2">
      <c r="A253" s="4">
        <v>43556</v>
      </c>
      <c r="B253" s="5" t="s">
        <v>8</v>
      </c>
      <c r="C253" s="5" t="s">
        <v>699</v>
      </c>
      <c r="D253" s="6" t="s">
        <v>725</v>
      </c>
      <c r="E253" s="5" t="s">
        <v>726</v>
      </c>
      <c r="F253" s="7">
        <v>116540</v>
      </c>
      <c r="G253" s="5" t="s">
        <v>328</v>
      </c>
      <c r="H253" s="6" t="s">
        <v>329</v>
      </c>
      <c r="I253" s="8">
        <v>43826</v>
      </c>
    </row>
    <row r="254" spans="1:9" ht="24" x14ac:dyDescent="0.2">
      <c r="A254" s="4">
        <v>43556</v>
      </c>
      <c r="B254" s="5" t="s">
        <v>8</v>
      </c>
      <c r="C254" s="5" t="s">
        <v>727</v>
      </c>
      <c r="D254" s="6" t="s">
        <v>728</v>
      </c>
      <c r="E254" s="5" t="s">
        <v>729</v>
      </c>
      <c r="F254" s="7">
        <v>20790</v>
      </c>
      <c r="G254" s="5" t="s">
        <v>730</v>
      </c>
      <c r="H254" s="6" t="s">
        <v>731</v>
      </c>
      <c r="I254" s="8">
        <v>43742</v>
      </c>
    </row>
    <row r="255" spans="1:9" ht="24" x14ac:dyDescent="0.2">
      <c r="A255" s="4">
        <v>43556</v>
      </c>
      <c r="B255" s="5" t="s">
        <v>8</v>
      </c>
      <c r="C255" s="5" t="s">
        <v>727</v>
      </c>
      <c r="D255" s="6" t="s">
        <v>732</v>
      </c>
      <c r="E255" s="5" t="s">
        <v>733</v>
      </c>
      <c r="F255" s="7">
        <v>165132</v>
      </c>
      <c r="G255" s="5" t="s">
        <v>117</v>
      </c>
      <c r="H255" s="6" t="s">
        <v>118</v>
      </c>
      <c r="I255" s="8">
        <v>43745</v>
      </c>
    </row>
    <row r="256" spans="1:9" ht="24" x14ac:dyDescent="0.2">
      <c r="A256" s="4">
        <v>43556</v>
      </c>
      <c r="B256" s="5" t="s">
        <v>8</v>
      </c>
      <c r="C256" s="5" t="s">
        <v>727</v>
      </c>
      <c r="D256" s="6" t="s">
        <v>734</v>
      </c>
      <c r="E256" s="5" t="s">
        <v>735</v>
      </c>
      <c r="F256" s="7">
        <v>83008</v>
      </c>
      <c r="G256" s="5" t="s">
        <v>36</v>
      </c>
      <c r="H256" s="6" t="s">
        <v>37</v>
      </c>
      <c r="I256" s="8">
        <v>43745</v>
      </c>
    </row>
    <row r="257" spans="1:9" ht="24" x14ac:dyDescent="0.2">
      <c r="A257" s="4">
        <v>43556</v>
      </c>
      <c r="B257" s="5" t="s">
        <v>8</v>
      </c>
      <c r="C257" s="5" t="s">
        <v>727</v>
      </c>
      <c r="D257" s="6" t="s">
        <v>736</v>
      </c>
      <c r="E257" s="5" t="s">
        <v>737</v>
      </c>
      <c r="F257" s="7">
        <v>55360</v>
      </c>
      <c r="G257" s="5" t="s">
        <v>738</v>
      </c>
      <c r="H257" s="6" t="s">
        <v>739</v>
      </c>
      <c r="I257" s="8">
        <v>43745</v>
      </c>
    </row>
    <row r="258" spans="1:9" ht="24" x14ac:dyDescent="0.2">
      <c r="A258" s="4">
        <v>43556</v>
      </c>
      <c r="B258" s="5" t="s">
        <v>8</v>
      </c>
      <c r="C258" s="5" t="s">
        <v>727</v>
      </c>
      <c r="D258" s="6" t="s">
        <v>740</v>
      </c>
      <c r="E258" s="5" t="s">
        <v>741</v>
      </c>
      <c r="F258" s="7">
        <v>37290</v>
      </c>
      <c r="G258" s="5" t="s">
        <v>117</v>
      </c>
      <c r="H258" s="6" t="s">
        <v>118</v>
      </c>
      <c r="I258" s="8">
        <v>43759</v>
      </c>
    </row>
    <row r="259" spans="1:9" ht="24" x14ac:dyDescent="0.2">
      <c r="A259" s="4">
        <v>43556</v>
      </c>
      <c r="B259" s="5" t="s">
        <v>8</v>
      </c>
      <c r="C259" s="5" t="s">
        <v>727</v>
      </c>
      <c r="D259" s="6" t="s">
        <v>742</v>
      </c>
      <c r="E259" s="5" t="s">
        <v>743</v>
      </c>
      <c r="F259" s="7">
        <v>12727</v>
      </c>
      <c r="G259" s="5" t="s">
        <v>647</v>
      </c>
      <c r="H259" s="6" t="s">
        <v>648</v>
      </c>
      <c r="I259" s="8">
        <v>43787</v>
      </c>
    </row>
    <row r="260" spans="1:9" ht="24" x14ac:dyDescent="0.2">
      <c r="A260" s="4">
        <v>43556</v>
      </c>
      <c r="B260" s="5" t="s">
        <v>8</v>
      </c>
      <c r="C260" s="5" t="s">
        <v>727</v>
      </c>
      <c r="D260" s="6" t="s">
        <v>744</v>
      </c>
      <c r="E260" s="5" t="s">
        <v>745</v>
      </c>
      <c r="F260" s="7">
        <v>66605</v>
      </c>
      <c r="G260" s="5" t="s">
        <v>746</v>
      </c>
      <c r="H260" s="6" t="s">
        <v>203</v>
      </c>
      <c r="I260" s="8">
        <v>43803</v>
      </c>
    </row>
    <row r="261" spans="1:9" ht="24" x14ac:dyDescent="0.2">
      <c r="A261" s="4">
        <v>43556</v>
      </c>
      <c r="B261" s="5" t="s">
        <v>8</v>
      </c>
      <c r="C261" s="5" t="s">
        <v>727</v>
      </c>
      <c r="D261" s="6" t="s">
        <v>747</v>
      </c>
      <c r="E261" s="5" t="s">
        <v>748</v>
      </c>
      <c r="F261" s="7">
        <v>124806</v>
      </c>
      <c r="G261" s="5" t="s">
        <v>117</v>
      </c>
      <c r="H261" s="6" t="s">
        <v>118</v>
      </c>
      <c r="I261" s="8">
        <v>43804</v>
      </c>
    </row>
    <row r="262" spans="1:9" ht="24" x14ac:dyDescent="0.2">
      <c r="A262" s="4">
        <v>43556</v>
      </c>
      <c r="B262" s="5" t="s">
        <v>8</v>
      </c>
      <c r="C262" s="5" t="s">
        <v>727</v>
      </c>
      <c r="D262" s="6" t="s">
        <v>749</v>
      </c>
      <c r="E262" s="5" t="s">
        <v>750</v>
      </c>
      <c r="F262" s="7">
        <v>88638</v>
      </c>
      <c r="G262" s="5" t="s">
        <v>36</v>
      </c>
      <c r="H262" s="6" t="s">
        <v>37</v>
      </c>
      <c r="I262" s="8">
        <v>43804</v>
      </c>
    </row>
    <row r="263" spans="1:9" ht="24" x14ac:dyDescent="0.2">
      <c r="A263" s="4">
        <v>43556</v>
      </c>
      <c r="B263" s="5" t="s">
        <v>8</v>
      </c>
      <c r="C263" s="5" t="s">
        <v>727</v>
      </c>
      <c r="D263" s="6" t="s">
        <v>751</v>
      </c>
      <c r="E263" s="5" t="s">
        <v>752</v>
      </c>
      <c r="F263" s="7">
        <v>128612</v>
      </c>
      <c r="G263" s="5" t="s">
        <v>636</v>
      </c>
      <c r="H263" s="6" t="s">
        <v>637</v>
      </c>
      <c r="I263" s="8">
        <v>43809</v>
      </c>
    </row>
    <row r="264" spans="1:9" ht="24" x14ac:dyDescent="0.2">
      <c r="A264" s="4">
        <v>43556</v>
      </c>
      <c r="B264" s="5" t="s">
        <v>8</v>
      </c>
      <c r="C264" s="5" t="s">
        <v>727</v>
      </c>
      <c r="D264" s="6" t="s">
        <v>753</v>
      </c>
      <c r="E264" s="5" t="s">
        <v>754</v>
      </c>
      <c r="F264" s="7">
        <v>45980</v>
      </c>
      <c r="G264" s="5" t="s">
        <v>755</v>
      </c>
      <c r="H264" s="6" t="s">
        <v>207</v>
      </c>
      <c r="I264" s="8">
        <v>43823</v>
      </c>
    </row>
    <row r="265" spans="1:9" ht="24" x14ac:dyDescent="0.2">
      <c r="A265" s="4">
        <v>43556</v>
      </c>
      <c r="B265" s="5" t="s">
        <v>8</v>
      </c>
      <c r="C265" s="5" t="s">
        <v>756</v>
      </c>
      <c r="D265" s="6" t="s">
        <v>757</v>
      </c>
      <c r="E265" s="5" t="s">
        <v>758</v>
      </c>
      <c r="F265" s="7">
        <v>91587</v>
      </c>
      <c r="G265" s="5" t="s">
        <v>36</v>
      </c>
      <c r="H265" s="6" t="s">
        <v>37</v>
      </c>
      <c r="I265" s="8">
        <v>43741</v>
      </c>
    </row>
    <row r="266" spans="1:9" ht="24" x14ac:dyDescent="0.2">
      <c r="A266" s="4">
        <v>43556</v>
      </c>
      <c r="B266" s="5" t="s">
        <v>8</v>
      </c>
      <c r="C266" s="5" t="s">
        <v>756</v>
      </c>
      <c r="D266" s="6" t="s">
        <v>759</v>
      </c>
      <c r="E266" s="5" t="s">
        <v>760</v>
      </c>
      <c r="F266" s="7">
        <v>176364</v>
      </c>
      <c r="G266" s="5" t="s">
        <v>117</v>
      </c>
      <c r="H266" s="6" t="s">
        <v>118</v>
      </c>
      <c r="I266" s="8">
        <v>43742</v>
      </c>
    </row>
    <row r="267" spans="1:9" ht="24" x14ac:dyDescent="0.2">
      <c r="A267" s="4">
        <v>43556</v>
      </c>
      <c r="B267" s="5" t="s">
        <v>8</v>
      </c>
      <c r="C267" s="5" t="s">
        <v>756</v>
      </c>
      <c r="D267" s="6" t="s">
        <v>761</v>
      </c>
      <c r="E267" s="5" t="s">
        <v>762</v>
      </c>
      <c r="F267" s="7">
        <v>3344</v>
      </c>
      <c r="G267" s="5" t="s">
        <v>763</v>
      </c>
      <c r="H267" s="6" t="s">
        <v>157</v>
      </c>
      <c r="I267" s="8">
        <v>43747</v>
      </c>
    </row>
    <row r="268" spans="1:9" ht="24" x14ac:dyDescent="0.2">
      <c r="A268" s="4">
        <v>43556</v>
      </c>
      <c r="B268" s="5" t="s">
        <v>8</v>
      </c>
      <c r="C268" s="5" t="s">
        <v>756</v>
      </c>
      <c r="D268" s="6" t="s">
        <v>764</v>
      </c>
      <c r="E268" s="5" t="s">
        <v>737</v>
      </c>
      <c r="F268" s="7">
        <v>26276</v>
      </c>
      <c r="G268" s="5" t="s">
        <v>765</v>
      </c>
      <c r="H268" s="6" t="s">
        <v>510</v>
      </c>
      <c r="I268" s="8">
        <v>43759</v>
      </c>
    </row>
    <row r="269" spans="1:9" ht="24" x14ac:dyDescent="0.2">
      <c r="A269" s="4">
        <v>43556</v>
      </c>
      <c r="B269" s="5" t="s">
        <v>8</v>
      </c>
      <c r="C269" s="5" t="s">
        <v>756</v>
      </c>
      <c r="D269" s="6" t="s">
        <v>766</v>
      </c>
      <c r="E269" s="5" t="s">
        <v>767</v>
      </c>
      <c r="F269" s="7">
        <v>5500</v>
      </c>
      <c r="G269" s="5" t="s">
        <v>768</v>
      </c>
      <c r="H269" s="6" t="s">
        <v>275</v>
      </c>
      <c r="I269" s="8">
        <v>43769</v>
      </c>
    </row>
    <row r="270" spans="1:9" ht="24" x14ac:dyDescent="0.2">
      <c r="A270" s="4">
        <v>43556</v>
      </c>
      <c r="B270" s="5" t="s">
        <v>8</v>
      </c>
      <c r="C270" s="5" t="s">
        <v>756</v>
      </c>
      <c r="D270" s="6" t="s">
        <v>769</v>
      </c>
      <c r="E270" s="5" t="s">
        <v>629</v>
      </c>
      <c r="F270" s="7">
        <v>60865</v>
      </c>
      <c r="G270" s="5" t="s">
        <v>36</v>
      </c>
      <c r="H270" s="6" t="s">
        <v>37</v>
      </c>
      <c r="I270" s="8">
        <v>43777</v>
      </c>
    </row>
    <row r="271" spans="1:9" ht="24" x14ac:dyDescent="0.2">
      <c r="A271" s="4">
        <v>43556</v>
      </c>
      <c r="B271" s="5" t="s">
        <v>8</v>
      </c>
      <c r="C271" s="5" t="s">
        <v>756</v>
      </c>
      <c r="D271" s="6" t="s">
        <v>770</v>
      </c>
      <c r="E271" s="5" t="s">
        <v>771</v>
      </c>
      <c r="F271" s="7">
        <v>198550</v>
      </c>
      <c r="G271" s="5" t="s">
        <v>117</v>
      </c>
      <c r="H271" s="6" t="s">
        <v>118</v>
      </c>
      <c r="I271" s="8">
        <v>43780</v>
      </c>
    </row>
    <row r="272" spans="1:9" ht="24" x14ac:dyDescent="0.2">
      <c r="A272" s="4">
        <v>43556</v>
      </c>
      <c r="B272" s="5" t="s">
        <v>8</v>
      </c>
      <c r="C272" s="5" t="s">
        <v>756</v>
      </c>
      <c r="D272" s="6" t="s">
        <v>772</v>
      </c>
      <c r="E272" s="5" t="s">
        <v>773</v>
      </c>
      <c r="F272" s="7">
        <v>153234</v>
      </c>
      <c r="G272" s="5" t="s">
        <v>774</v>
      </c>
      <c r="H272" s="6" t="s">
        <v>775</v>
      </c>
      <c r="I272" s="8">
        <v>43782</v>
      </c>
    </row>
    <row r="273" spans="1:9" ht="24" x14ac:dyDescent="0.2">
      <c r="A273" s="4">
        <v>43556</v>
      </c>
      <c r="B273" s="5" t="s">
        <v>8</v>
      </c>
      <c r="C273" s="5" t="s">
        <v>756</v>
      </c>
      <c r="D273" s="6" t="s">
        <v>776</v>
      </c>
      <c r="E273" s="5" t="s">
        <v>777</v>
      </c>
      <c r="F273" s="7">
        <v>47041</v>
      </c>
      <c r="G273" s="5" t="s">
        <v>765</v>
      </c>
      <c r="H273" s="6" t="s">
        <v>510</v>
      </c>
      <c r="I273" s="8">
        <v>43790</v>
      </c>
    </row>
    <row r="274" spans="1:9" ht="24" x14ac:dyDescent="0.2">
      <c r="A274" s="4">
        <v>43556</v>
      </c>
      <c r="B274" s="5" t="s">
        <v>8</v>
      </c>
      <c r="C274" s="5" t="s">
        <v>756</v>
      </c>
      <c r="D274" s="6" t="s">
        <v>778</v>
      </c>
      <c r="E274" s="5" t="s">
        <v>779</v>
      </c>
      <c r="F274" s="7">
        <v>46926</v>
      </c>
      <c r="G274" s="5" t="s">
        <v>780</v>
      </c>
      <c r="H274" s="6" t="s">
        <v>781</v>
      </c>
      <c r="I274" s="8">
        <v>43797</v>
      </c>
    </row>
    <row r="275" spans="1:9" ht="24" x14ac:dyDescent="0.2">
      <c r="A275" s="4">
        <v>43556</v>
      </c>
      <c r="B275" s="5" t="s">
        <v>8</v>
      </c>
      <c r="C275" s="5" t="s">
        <v>756</v>
      </c>
      <c r="D275" s="6" t="s">
        <v>782</v>
      </c>
      <c r="E275" s="5" t="s">
        <v>783</v>
      </c>
      <c r="F275" s="7">
        <v>45793</v>
      </c>
      <c r="G275" s="5" t="s">
        <v>765</v>
      </c>
      <c r="H275" s="6" t="s">
        <v>510</v>
      </c>
      <c r="I275" s="8">
        <v>43797</v>
      </c>
    </row>
    <row r="276" spans="1:9" ht="24" x14ac:dyDescent="0.2">
      <c r="A276" s="4">
        <v>43556</v>
      </c>
      <c r="B276" s="5" t="s">
        <v>8</v>
      </c>
      <c r="C276" s="5" t="s">
        <v>756</v>
      </c>
      <c r="D276" s="6" t="s">
        <v>784</v>
      </c>
      <c r="E276" s="5" t="s">
        <v>654</v>
      </c>
      <c r="F276" s="7">
        <v>196295</v>
      </c>
      <c r="G276" s="5" t="s">
        <v>117</v>
      </c>
      <c r="H276" s="6" t="s">
        <v>118</v>
      </c>
      <c r="I276" s="8">
        <v>43804</v>
      </c>
    </row>
    <row r="277" spans="1:9" ht="24" x14ac:dyDescent="0.2">
      <c r="A277" s="4">
        <v>43556</v>
      </c>
      <c r="B277" s="5" t="s">
        <v>8</v>
      </c>
      <c r="C277" s="5" t="s">
        <v>756</v>
      </c>
      <c r="D277" s="6" t="s">
        <v>785</v>
      </c>
      <c r="E277" s="5" t="s">
        <v>786</v>
      </c>
      <c r="F277" s="7">
        <v>61308</v>
      </c>
      <c r="G277" s="5" t="s">
        <v>36</v>
      </c>
      <c r="H277" s="6" t="s">
        <v>37</v>
      </c>
      <c r="I277" s="8">
        <v>43804</v>
      </c>
    </row>
    <row r="278" spans="1:9" ht="24" x14ac:dyDescent="0.2">
      <c r="A278" s="4">
        <v>43556</v>
      </c>
      <c r="B278" s="5" t="s">
        <v>8</v>
      </c>
      <c r="C278" s="5" t="s">
        <v>756</v>
      </c>
      <c r="D278" s="6" t="s">
        <v>787</v>
      </c>
      <c r="E278" s="5" t="s">
        <v>788</v>
      </c>
      <c r="F278" s="7">
        <v>42801</v>
      </c>
      <c r="G278" s="5" t="s">
        <v>789</v>
      </c>
      <c r="H278" s="6" t="s">
        <v>790</v>
      </c>
      <c r="I278" s="8">
        <v>43810</v>
      </c>
    </row>
    <row r="279" spans="1:9" ht="24" x14ac:dyDescent="0.2">
      <c r="A279" s="4">
        <v>43556</v>
      </c>
      <c r="B279" s="5" t="s">
        <v>8</v>
      </c>
      <c r="C279" s="5" t="s">
        <v>756</v>
      </c>
      <c r="D279" s="6" t="s">
        <v>791</v>
      </c>
      <c r="E279" s="5" t="s">
        <v>792</v>
      </c>
      <c r="F279" s="7">
        <v>47597</v>
      </c>
      <c r="G279" s="5" t="s">
        <v>642</v>
      </c>
      <c r="H279" s="6" t="s">
        <v>58</v>
      </c>
      <c r="I279" s="8">
        <v>43810</v>
      </c>
    </row>
    <row r="280" spans="1:9" ht="24" x14ac:dyDescent="0.2">
      <c r="A280" s="4">
        <v>43556</v>
      </c>
      <c r="B280" s="5" t="s">
        <v>8</v>
      </c>
      <c r="C280" s="5" t="s">
        <v>756</v>
      </c>
      <c r="D280" s="6" t="s">
        <v>793</v>
      </c>
      <c r="E280" s="5" t="s">
        <v>794</v>
      </c>
      <c r="F280" s="7">
        <v>43670</v>
      </c>
      <c r="G280" s="5" t="s">
        <v>765</v>
      </c>
      <c r="H280" s="6" t="s">
        <v>510</v>
      </c>
      <c r="I280" s="8">
        <v>43818</v>
      </c>
    </row>
    <row r="281" spans="1:9" ht="24" x14ac:dyDescent="0.2">
      <c r="A281" s="4">
        <v>43556</v>
      </c>
      <c r="B281" s="5" t="s">
        <v>8</v>
      </c>
      <c r="C281" s="5" t="s">
        <v>756</v>
      </c>
      <c r="D281" s="6" t="s">
        <v>795</v>
      </c>
      <c r="E281" s="5" t="s">
        <v>796</v>
      </c>
      <c r="F281" s="7">
        <v>3795</v>
      </c>
      <c r="G281" s="5" t="s">
        <v>797</v>
      </c>
      <c r="H281" s="6" t="s">
        <v>54</v>
      </c>
      <c r="I281" s="8">
        <v>43825</v>
      </c>
    </row>
    <row r="282" spans="1:9" ht="24" x14ac:dyDescent="0.2">
      <c r="A282" s="4">
        <v>43556</v>
      </c>
      <c r="B282" s="5" t="s">
        <v>8</v>
      </c>
      <c r="C282" s="5" t="s">
        <v>798</v>
      </c>
      <c r="D282" s="6" t="s">
        <v>799</v>
      </c>
      <c r="E282" s="5" t="s">
        <v>800</v>
      </c>
      <c r="F282" s="7">
        <v>563328</v>
      </c>
      <c r="G282" s="5" t="s">
        <v>148</v>
      </c>
      <c r="H282" s="6" t="s">
        <v>149</v>
      </c>
      <c r="I282" s="8">
        <v>43746</v>
      </c>
    </row>
    <row r="283" spans="1:9" ht="24" x14ac:dyDescent="0.2">
      <c r="A283" s="4">
        <v>43556</v>
      </c>
      <c r="B283" s="5" t="s">
        <v>8</v>
      </c>
      <c r="C283" s="5" t="s">
        <v>798</v>
      </c>
      <c r="D283" s="6" t="s">
        <v>801</v>
      </c>
      <c r="E283" s="5" t="s">
        <v>802</v>
      </c>
      <c r="F283" s="7">
        <v>14025</v>
      </c>
      <c r="G283" s="5" t="s">
        <v>803</v>
      </c>
      <c r="H283" s="6" t="s">
        <v>804</v>
      </c>
      <c r="I283" s="8">
        <v>43747</v>
      </c>
    </row>
    <row r="284" spans="1:9" ht="24" x14ac:dyDescent="0.2">
      <c r="A284" s="4">
        <v>43556</v>
      </c>
      <c r="B284" s="5" t="s">
        <v>8</v>
      </c>
      <c r="C284" s="5" t="s">
        <v>798</v>
      </c>
      <c r="D284" s="6" t="s">
        <v>805</v>
      </c>
      <c r="E284" s="5" t="s">
        <v>806</v>
      </c>
      <c r="F284" s="7">
        <v>67144</v>
      </c>
      <c r="G284" s="5" t="s">
        <v>117</v>
      </c>
      <c r="H284" s="6" t="s">
        <v>118</v>
      </c>
      <c r="I284" s="8">
        <v>43754</v>
      </c>
    </row>
    <row r="285" spans="1:9" ht="24" x14ac:dyDescent="0.2">
      <c r="A285" s="4">
        <v>43556</v>
      </c>
      <c r="B285" s="5" t="s">
        <v>8</v>
      </c>
      <c r="C285" s="5" t="s">
        <v>798</v>
      </c>
      <c r="D285" s="6" t="s">
        <v>807</v>
      </c>
      <c r="E285" s="5" t="s">
        <v>808</v>
      </c>
      <c r="F285" s="7">
        <v>32780</v>
      </c>
      <c r="G285" s="5" t="s">
        <v>809</v>
      </c>
      <c r="H285" s="6" t="s">
        <v>810</v>
      </c>
      <c r="I285" s="8">
        <v>43756</v>
      </c>
    </row>
    <row r="286" spans="1:9" ht="24" x14ac:dyDescent="0.2">
      <c r="A286" s="4">
        <v>43556</v>
      </c>
      <c r="B286" s="5" t="s">
        <v>8</v>
      </c>
      <c r="C286" s="5" t="s">
        <v>798</v>
      </c>
      <c r="D286" s="6" t="s">
        <v>811</v>
      </c>
      <c r="E286" s="5" t="s">
        <v>812</v>
      </c>
      <c r="F286" s="7">
        <v>164939</v>
      </c>
      <c r="G286" s="5" t="s">
        <v>636</v>
      </c>
      <c r="H286" s="6" t="s">
        <v>637</v>
      </c>
      <c r="I286" s="8">
        <v>43763</v>
      </c>
    </row>
    <row r="287" spans="1:9" ht="24" x14ac:dyDescent="0.2">
      <c r="A287" s="4">
        <v>43556</v>
      </c>
      <c r="B287" s="5" t="s">
        <v>8</v>
      </c>
      <c r="C287" s="5" t="s">
        <v>798</v>
      </c>
      <c r="D287" s="6" t="s">
        <v>813</v>
      </c>
      <c r="E287" s="5" t="s">
        <v>814</v>
      </c>
      <c r="F287" s="7">
        <v>177276</v>
      </c>
      <c r="G287" s="5" t="s">
        <v>36</v>
      </c>
      <c r="H287" s="6" t="s">
        <v>37</v>
      </c>
      <c r="I287" s="8">
        <v>43774</v>
      </c>
    </row>
    <row r="288" spans="1:9" ht="24" x14ac:dyDescent="0.2">
      <c r="A288" s="4">
        <v>43556</v>
      </c>
      <c r="B288" s="5" t="s">
        <v>8</v>
      </c>
      <c r="C288" s="5" t="s">
        <v>798</v>
      </c>
      <c r="D288" s="6" t="s">
        <v>815</v>
      </c>
      <c r="E288" s="5" t="s">
        <v>816</v>
      </c>
      <c r="F288" s="7">
        <v>46750</v>
      </c>
      <c r="G288" s="5" t="s">
        <v>148</v>
      </c>
      <c r="H288" s="6" t="s">
        <v>149</v>
      </c>
      <c r="I288" s="8">
        <v>43780</v>
      </c>
    </row>
    <row r="289" spans="1:9" ht="24" x14ac:dyDescent="0.2">
      <c r="A289" s="4">
        <v>43556</v>
      </c>
      <c r="B289" s="5" t="s">
        <v>8</v>
      </c>
      <c r="C289" s="5" t="s">
        <v>798</v>
      </c>
      <c r="D289" s="6" t="s">
        <v>817</v>
      </c>
      <c r="E289" s="5" t="s">
        <v>818</v>
      </c>
      <c r="F289" s="7">
        <v>11440</v>
      </c>
      <c r="G289" s="5" t="s">
        <v>819</v>
      </c>
      <c r="H289" s="6" t="s">
        <v>820</v>
      </c>
      <c r="I289" s="8">
        <v>43784</v>
      </c>
    </row>
    <row r="290" spans="1:9" ht="24" x14ac:dyDescent="0.2">
      <c r="A290" s="4">
        <v>43556</v>
      </c>
      <c r="B290" s="5" t="s">
        <v>8</v>
      </c>
      <c r="C290" s="5" t="s">
        <v>798</v>
      </c>
      <c r="D290" s="6" t="s">
        <v>821</v>
      </c>
      <c r="E290" s="5" t="s">
        <v>786</v>
      </c>
      <c r="F290" s="7">
        <v>119957</v>
      </c>
      <c r="G290" s="5" t="s">
        <v>36</v>
      </c>
      <c r="H290" s="6" t="s">
        <v>37</v>
      </c>
      <c r="I290" s="8">
        <v>43803</v>
      </c>
    </row>
    <row r="291" spans="1:9" ht="24" x14ac:dyDescent="0.2">
      <c r="A291" s="4">
        <v>43556</v>
      </c>
      <c r="B291" s="5" t="s">
        <v>8</v>
      </c>
      <c r="C291" s="5" t="s">
        <v>798</v>
      </c>
      <c r="D291" s="6" t="s">
        <v>822</v>
      </c>
      <c r="E291" s="5" t="s">
        <v>823</v>
      </c>
      <c r="F291" s="7">
        <v>314600</v>
      </c>
      <c r="G291" s="5" t="s">
        <v>148</v>
      </c>
      <c r="H291" s="6" t="s">
        <v>149</v>
      </c>
      <c r="I291" s="8">
        <v>43803</v>
      </c>
    </row>
    <row r="292" spans="1:9" ht="24" x14ac:dyDescent="0.2">
      <c r="A292" s="4">
        <v>43556</v>
      </c>
      <c r="B292" s="5" t="s">
        <v>8</v>
      </c>
      <c r="C292" s="5" t="s">
        <v>798</v>
      </c>
      <c r="D292" s="6" t="s">
        <v>824</v>
      </c>
      <c r="E292" s="5" t="s">
        <v>825</v>
      </c>
      <c r="F292" s="7">
        <v>35200</v>
      </c>
      <c r="G292" s="5" t="s">
        <v>625</v>
      </c>
      <c r="H292" s="6" t="s">
        <v>265</v>
      </c>
      <c r="I292" s="8">
        <v>43809</v>
      </c>
    </row>
    <row r="293" spans="1:9" ht="24" x14ac:dyDescent="0.2">
      <c r="A293" s="4">
        <v>43556</v>
      </c>
      <c r="B293" s="5" t="s">
        <v>8</v>
      </c>
      <c r="C293" s="5" t="s">
        <v>798</v>
      </c>
      <c r="D293" s="6" t="s">
        <v>826</v>
      </c>
      <c r="E293" s="5" t="s">
        <v>827</v>
      </c>
      <c r="F293" s="7">
        <v>23650</v>
      </c>
      <c r="G293" s="5" t="s">
        <v>828</v>
      </c>
      <c r="H293" s="6" t="s">
        <v>829</v>
      </c>
      <c r="I293" s="8">
        <v>43809</v>
      </c>
    </row>
    <row r="294" spans="1:9" ht="24" x14ac:dyDescent="0.2">
      <c r="A294" s="4">
        <v>43556</v>
      </c>
      <c r="B294" s="5" t="s">
        <v>8</v>
      </c>
      <c r="C294" s="5" t="s">
        <v>798</v>
      </c>
      <c r="D294" s="6" t="s">
        <v>830</v>
      </c>
      <c r="E294" s="5" t="s">
        <v>831</v>
      </c>
      <c r="F294" s="7">
        <v>24750</v>
      </c>
      <c r="G294" s="5" t="s">
        <v>636</v>
      </c>
      <c r="H294" s="6" t="s">
        <v>637</v>
      </c>
      <c r="I294" s="8">
        <v>43810</v>
      </c>
    </row>
    <row r="295" spans="1:9" ht="24" x14ac:dyDescent="0.2">
      <c r="A295" s="4">
        <v>43556</v>
      </c>
      <c r="B295" s="5" t="s">
        <v>8</v>
      </c>
      <c r="C295" s="5" t="s">
        <v>798</v>
      </c>
      <c r="D295" s="6" t="s">
        <v>832</v>
      </c>
      <c r="E295" s="5" t="s">
        <v>833</v>
      </c>
      <c r="F295" s="7">
        <v>68200</v>
      </c>
      <c r="G295" s="5" t="s">
        <v>636</v>
      </c>
      <c r="H295" s="6" t="s">
        <v>637</v>
      </c>
      <c r="I295" s="8">
        <v>43815</v>
      </c>
    </row>
    <row r="296" spans="1:9" ht="24" x14ac:dyDescent="0.2">
      <c r="A296" s="4">
        <v>43556</v>
      </c>
      <c r="B296" s="5" t="s">
        <v>8</v>
      </c>
      <c r="C296" s="5" t="s">
        <v>798</v>
      </c>
      <c r="D296" s="6" t="s">
        <v>834</v>
      </c>
      <c r="E296" s="5" t="s">
        <v>835</v>
      </c>
      <c r="F296" s="7">
        <v>37752</v>
      </c>
      <c r="G296" s="5" t="s">
        <v>117</v>
      </c>
      <c r="H296" s="6" t="s">
        <v>118</v>
      </c>
      <c r="I296" s="8">
        <v>43816</v>
      </c>
    </row>
    <row r="297" spans="1:9" ht="24" x14ac:dyDescent="0.2">
      <c r="A297" s="4">
        <v>43556</v>
      </c>
      <c r="B297" s="5" t="s">
        <v>8</v>
      </c>
      <c r="C297" s="5" t="s">
        <v>798</v>
      </c>
      <c r="D297" s="6" t="s">
        <v>836</v>
      </c>
      <c r="E297" s="5" t="s">
        <v>837</v>
      </c>
      <c r="F297" s="7">
        <v>142532</v>
      </c>
      <c r="G297" s="5" t="s">
        <v>838</v>
      </c>
      <c r="H297" s="6" t="s">
        <v>839</v>
      </c>
      <c r="I297" s="8">
        <v>43826</v>
      </c>
    </row>
    <row r="298" spans="1:9" ht="24" x14ac:dyDescent="0.2">
      <c r="A298" s="4">
        <v>43556</v>
      </c>
      <c r="B298" s="5" t="s">
        <v>8</v>
      </c>
      <c r="C298" s="5" t="s">
        <v>798</v>
      </c>
      <c r="D298" s="6" t="s">
        <v>840</v>
      </c>
      <c r="E298" s="5" t="s">
        <v>841</v>
      </c>
      <c r="F298" s="7">
        <v>90002</v>
      </c>
      <c r="G298" s="5" t="s">
        <v>765</v>
      </c>
      <c r="H298" s="6" t="s">
        <v>510</v>
      </c>
      <c r="I298" s="8">
        <v>43826</v>
      </c>
    </row>
    <row r="299" spans="1:9" ht="24" x14ac:dyDescent="0.2">
      <c r="A299" s="4">
        <v>43556</v>
      </c>
      <c r="B299" s="5" t="s">
        <v>8</v>
      </c>
      <c r="C299" s="5" t="s">
        <v>842</v>
      </c>
      <c r="D299" s="6" t="s">
        <v>843</v>
      </c>
      <c r="E299" s="5" t="s">
        <v>844</v>
      </c>
      <c r="F299" s="7">
        <v>84669</v>
      </c>
      <c r="G299" s="5" t="s">
        <v>36</v>
      </c>
      <c r="H299" s="6" t="s">
        <v>37</v>
      </c>
      <c r="I299" s="8">
        <v>43741</v>
      </c>
    </row>
    <row r="300" spans="1:9" ht="24" x14ac:dyDescent="0.2">
      <c r="A300" s="4">
        <v>43556</v>
      </c>
      <c r="B300" s="5" t="s">
        <v>8</v>
      </c>
      <c r="C300" s="5" t="s">
        <v>842</v>
      </c>
      <c r="D300" s="6" t="s">
        <v>845</v>
      </c>
      <c r="E300" s="5" t="s">
        <v>846</v>
      </c>
      <c r="F300" s="7">
        <v>122634</v>
      </c>
      <c r="G300" s="5" t="s">
        <v>36</v>
      </c>
      <c r="H300" s="6" t="s">
        <v>37</v>
      </c>
      <c r="I300" s="8">
        <v>43741</v>
      </c>
    </row>
    <row r="301" spans="1:9" ht="24" x14ac:dyDescent="0.2">
      <c r="A301" s="4">
        <v>43556</v>
      </c>
      <c r="B301" s="5" t="s">
        <v>8</v>
      </c>
      <c r="C301" s="5" t="s">
        <v>842</v>
      </c>
      <c r="D301" s="6" t="s">
        <v>847</v>
      </c>
      <c r="E301" s="5" t="s">
        <v>848</v>
      </c>
      <c r="F301" s="7">
        <v>95238</v>
      </c>
      <c r="G301" s="5" t="s">
        <v>117</v>
      </c>
      <c r="H301" s="6" t="s">
        <v>118</v>
      </c>
      <c r="I301" s="8">
        <v>43741</v>
      </c>
    </row>
    <row r="302" spans="1:9" ht="24" x14ac:dyDescent="0.2">
      <c r="A302" s="4">
        <v>43556</v>
      </c>
      <c r="B302" s="5" t="s">
        <v>8</v>
      </c>
      <c r="C302" s="5" t="s">
        <v>842</v>
      </c>
      <c r="D302" s="6" t="s">
        <v>849</v>
      </c>
      <c r="E302" s="5" t="s">
        <v>850</v>
      </c>
      <c r="F302" s="7">
        <v>13824</v>
      </c>
      <c r="G302" s="5" t="s">
        <v>264</v>
      </c>
      <c r="H302" s="6" t="s">
        <v>265</v>
      </c>
      <c r="I302" s="8">
        <v>43742</v>
      </c>
    </row>
    <row r="303" spans="1:9" ht="24" x14ac:dyDescent="0.2">
      <c r="A303" s="4">
        <v>43556</v>
      </c>
      <c r="B303" s="5" t="s">
        <v>8</v>
      </c>
      <c r="C303" s="5" t="s">
        <v>842</v>
      </c>
      <c r="D303" s="6" t="s">
        <v>851</v>
      </c>
      <c r="E303" s="5" t="s">
        <v>852</v>
      </c>
      <c r="F303" s="7">
        <v>2244</v>
      </c>
      <c r="G303" s="5" t="s">
        <v>853</v>
      </c>
      <c r="H303" s="6" t="s">
        <v>854</v>
      </c>
      <c r="I303" s="8">
        <v>43759</v>
      </c>
    </row>
    <row r="304" spans="1:9" ht="24" x14ac:dyDescent="0.2">
      <c r="A304" s="4">
        <v>43556</v>
      </c>
      <c r="B304" s="5" t="s">
        <v>8</v>
      </c>
      <c r="C304" s="5" t="s">
        <v>842</v>
      </c>
      <c r="D304" s="6" t="s">
        <v>855</v>
      </c>
      <c r="E304" s="5" t="s">
        <v>856</v>
      </c>
      <c r="F304" s="7">
        <v>109173</v>
      </c>
      <c r="G304" s="5" t="s">
        <v>36</v>
      </c>
      <c r="H304" s="6" t="s">
        <v>37</v>
      </c>
      <c r="I304" s="8">
        <v>43776</v>
      </c>
    </row>
    <row r="305" spans="1:9" ht="24" x14ac:dyDescent="0.2">
      <c r="A305" s="4">
        <v>43556</v>
      </c>
      <c r="B305" s="5" t="s">
        <v>8</v>
      </c>
      <c r="C305" s="5" t="s">
        <v>842</v>
      </c>
      <c r="D305" s="6" t="s">
        <v>857</v>
      </c>
      <c r="E305" s="5" t="s">
        <v>771</v>
      </c>
      <c r="F305" s="7">
        <v>150067</v>
      </c>
      <c r="G305" s="5" t="s">
        <v>858</v>
      </c>
      <c r="H305" s="6" t="s">
        <v>790</v>
      </c>
      <c r="I305" s="8">
        <v>43776</v>
      </c>
    </row>
    <row r="306" spans="1:9" ht="24" x14ac:dyDescent="0.2">
      <c r="A306" s="4">
        <v>43556</v>
      </c>
      <c r="B306" s="5" t="s">
        <v>8</v>
      </c>
      <c r="C306" s="5" t="s">
        <v>842</v>
      </c>
      <c r="D306" s="6" t="s">
        <v>859</v>
      </c>
      <c r="E306" s="5" t="s">
        <v>777</v>
      </c>
      <c r="F306" s="7">
        <v>35304</v>
      </c>
      <c r="G306" s="5" t="s">
        <v>509</v>
      </c>
      <c r="H306" s="6" t="s">
        <v>510</v>
      </c>
      <c r="I306" s="8">
        <v>43780</v>
      </c>
    </row>
    <row r="307" spans="1:9" ht="24" x14ac:dyDescent="0.2">
      <c r="A307" s="4">
        <v>43556</v>
      </c>
      <c r="B307" s="5" t="s">
        <v>8</v>
      </c>
      <c r="C307" s="5" t="s">
        <v>842</v>
      </c>
      <c r="D307" s="6" t="s">
        <v>860</v>
      </c>
      <c r="E307" s="5" t="s">
        <v>861</v>
      </c>
      <c r="F307" s="7">
        <v>37708</v>
      </c>
      <c r="G307" s="5" t="s">
        <v>862</v>
      </c>
      <c r="H307" s="6" t="s">
        <v>820</v>
      </c>
      <c r="I307" s="8">
        <v>43789</v>
      </c>
    </row>
    <row r="308" spans="1:9" ht="24" x14ac:dyDescent="0.2">
      <c r="A308" s="4">
        <v>43556</v>
      </c>
      <c r="B308" s="5" t="s">
        <v>8</v>
      </c>
      <c r="C308" s="5" t="s">
        <v>842</v>
      </c>
      <c r="D308" s="6" t="s">
        <v>863</v>
      </c>
      <c r="E308" s="5" t="s">
        <v>864</v>
      </c>
      <c r="F308" s="7">
        <v>90750</v>
      </c>
      <c r="G308" s="5" t="s">
        <v>202</v>
      </c>
      <c r="H308" s="6" t="s">
        <v>203</v>
      </c>
      <c r="I308" s="8">
        <v>43796</v>
      </c>
    </row>
    <row r="309" spans="1:9" ht="24" x14ac:dyDescent="0.2">
      <c r="A309" s="4">
        <v>43556</v>
      </c>
      <c r="B309" s="5" t="s">
        <v>8</v>
      </c>
      <c r="C309" s="5" t="s">
        <v>842</v>
      </c>
      <c r="D309" s="6" t="s">
        <v>865</v>
      </c>
      <c r="E309" s="5" t="s">
        <v>650</v>
      </c>
      <c r="F309" s="7">
        <v>164276</v>
      </c>
      <c r="G309" s="5" t="s">
        <v>36</v>
      </c>
      <c r="H309" s="6" t="s">
        <v>37</v>
      </c>
      <c r="I309" s="8">
        <v>43803</v>
      </c>
    </row>
    <row r="310" spans="1:9" ht="24" x14ac:dyDescent="0.2">
      <c r="A310" s="4">
        <v>43556</v>
      </c>
      <c r="B310" s="5" t="s">
        <v>8</v>
      </c>
      <c r="C310" s="5" t="s">
        <v>842</v>
      </c>
      <c r="D310" s="6" t="s">
        <v>866</v>
      </c>
      <c r="E310" s="5" t="s">
        <v>654</v>
      </c>
      <c r="F310" s="7">
        <v>150931</v>
      </c>
      <c r="G310" s="5" t="s">
        <v>858</v>
      </c>
      <c r="H310" s="6" t="s">
        <v>790</v>
      </c>
      <c r="I310" s="8">
        <v>43803</v>
      </c>
    </row>
    <row r="311" spans="1:9" ht="24" x14ac:dyDescent="0.2">
      <c r="A311" s="4">
        <v>43556</v>
      </c>
      <c r="B311" s="5" t="s">
        <v>8</v>
      </c>
      <c r="C311" s="5" t="s">
        <v>842</v>
      </c>
      <c r="D311" s="6" t="s">
        <v>867</v>
      </c>
      <c r="E311" s="5" t="s">
        <v>794</v>
      </c>
      <c r="F311" s="7">
        <v>31900</v>
      </c>
      <c r="G311" s="5" t="s">
        <v>509</v>
      </c>
      <c r="H311" s="6" t="s">
        <v>510</v>
      </c>
      <c r="I311" s="8">
        <v>43812</v>
      </c>
    </row>
    <row r="312" spans="1:9" ht="24" x14ac:dyDescent="0.2">
      <c r="A312" s="4">
        <v>43556</v>
      </c>
      <c r="B312" s="5" t="s">
        <v>8</v>
      </c>
      <c r="C312" s="5" t="s">
        <v>842</v>
      </c>
      <c r="D312" s="6" t="s">
        <v>868</v>
      </c>
      <c r="E312" s="5" t="s">
        <v>869</v>
      </c>
      <c r="F312" s="7">
        <v>18700</v>
      </c>
      <c r="G312" s="5" t="s">
        <v>117</v>
      </c>
      <c r="H312" s="6" t="s">
        <v>118</v>
      </c>
      <c r="I312" s="8">
        <v>43815</v>
      </c>
    </row>
    <row r="313" spans="1:9" ht="24" x14ac:dyDescent="0.2">
      <c r="A313" s="4">
        <v>43556</v>
      </c>
      <c r="B313" s="5" t="s">
        <v>8</v>
      </c>
      <c r="C313" s="5" t="s">
        <v>842</v>
      </c>
      <c r="D313" s="6" t="s">
        <v>870</v>
      </c>
      <c r="E313" s="5" t="s">
        <v>871</v>
      </c>
      <c r="F313" s="7">
        <v>20988</v>
      </c>
      <c r="G313" s="5" t="s">
        <v>872</v>
      </c>
      <c r="H313" s="6" t="s">
        <v>873</v>
      </c>
      <c r="I313" s="8">
        <v>43825</v>
      </c>
    </row>
    <row r="314" spans="1:9" ht="24" x14ac:dyDescent="0.2">
      <c r="A314" s="4">
        <v>43556</v>
      </c>
      <c r="B314" s="5" t="s">
        <v>8</v>
      </c>
      <c r="C314" s="5" t="s">
        <v>874</v>
      </c>
      <c r="D314" s="6" t="s">
        <v>875</v>
      </c>
      <c r="E314" s="5" t="s">
        <v>876</v>
      </c>
      <c r="F314" s="7">
        <v>14317</v>
      </c>
      <c r="G314" s="5" t="s">
        <v>877</v>
      </c>
      <c r="H314" s="6" t="s">
        <v>637</v>
      </c>
      <c r="I314" s="8">
        <v>43741</v>
      </c>
    </row>
    <row r="315" spans="1:9" ht="24" x14ac:dyDescent="0.2">
      <c r="A315" s="4">
        <v>43556</v>
      </c>
      <c r="B315" s="5" t="s">
        <v>8</v>
      </c>
      <c r="C315" s="5" t="s">
        <v>874</v>
      </c>
      <c r="D315" s="6" t="s">
        <v>878</v>
      </c>
      <c r="E315" s="5" t="s">
        <v>879</v>
      </c>
      <c r="F315" s="7">
        <v>139698</v>
      </c>
      <c r="G315" s="5" t="s">
        <v>880</v>
      </c>
      <c r="H315" s="6" t="s">
        <v>881</v>
      </c>
      <c r="I315" s="8">
        <v>43741</v>
      </c>
    </row>
    <row r="316" spans="1:9" ht="24" x14ac:dyDescent="0.2">
      <c r="A316" s="4">
        <v>43556</v>
      </c>
      <c r="B316" s="5" t="s">
        <v>8</v>
      </c>
      <c r="C316" s="5" t="s">
        <v>874</v>
      </c>
      <c r="D316" s="6" t="s">
        <v>882</v>
      </c>
      <c r="E316" s="5" t="s">
        <v>883</v>
      </c>
      <c r="F316" s="7">
        <v>9655</v>
      </c>
      <c r="G316" s="5" t="s">
        <v>625</v>
      </c>
      <c r="H316" s="6" t="s">
        <v>265</v>
      </c>
      <c r="I316" s="8">
        <v>43745</v>
      </c>
    </row>
    <row r="317" spans="1:9" ht="24" x14ac:dyDescent="0.2">
      <c r="A317" s="4">
        <v>43556</v>
      </c>
      <c r="B317" s="5" t="s">
        <v>8</v>
      </c>
      <c r="C317" s="5" t="s">
        <v>874</v>
      </c>
      <c r="D317" s="6" t="s">
        <v>884</v>
      </c>
      <c r="E317" s="5" t="s">
        <v>760</v>
      </c>
      <c r="F317" s="7">
        <v>185833</v>
      </c>
      <c r="G317" s="5" t="s">
        <v>224</v>
      </c>
      <c r="H317" s="6" t="s">
        <v>225</v>
      </c>
      <c r="I317" s="8">
        <v>43747</v>
      </c>
    </row>
    <row r="318" spans="1:9" ht="24" x14ac:dyDescent="0.2">
      <c r="A318" s="4">
        <v>43556</v>
      </c>
      <c r="B318" s="5" t="s">
        <v>8</v>
      </c>
      <c r="C318" s="5" t="s">
        <v>874</v>
      </c>
      <c r="D318" s="6" t="s">
        <v>885</v>
      </c>
      <c r="E318" s="5" t="s">
        <v>886</v>
      </c>
      <c r="F318" s="7">
        <v>14245</v>
      </c>
      <c r="G318" s="5" t="s">
        <v>887</v>
      </c>
      <c r="H318" s="6" t="s">
        <v>888</v>
      </c>
      <c r="I318" s="8">
        <v>43782</v>
      </c>
    </row>
    <row r="319" spans="1:9" ht="24" x14ac:dyDescent="0.2">
      <c r="A319" s="4">
        <v>43556</v>
      </c>
      <c r="B319" s="5" t="s">
        <v>8</v>
      </c>
      <c r="C319" s="5" t="s">
        <v>874</v>
      </c>
      <c r="D319" s="6" t="s">
        <v>889</v>
      </c>
      <c r="E319" s="5" t="s">
        <v>890</v>
      </c>
      <c r="F319" s="7">
        <v>18700</v>
      </c>
      <c r="G319" s="5" t="s">
        <v>891</v>
      </c>
      <c r="H319" s="6" t="s">
        <v>892</v>
      </c>
      <c r="I319" s="8">
        <v>43788</v>
      </c>
    </row>
    <row r="320" spans="1:9" ht="24" x14ac:dyDescent="0.2">
      <c r="A320" s="4">
        <v>43556</v>
      </c>
      <c r="B320" s="5" t="s">
        <v>8</v>
      </c>
      <c r="C320" s="5" t="s">
        <v>874</v>
      </c>
      <c r="D320" s="6" t="s">
        <v>893</v>
      </c>
      <c r="E320" s="5" t="s">
        <v>894</v>
      </c>
      <c r="F320" s="7">
        <v>723492</v>
      </c>
      <c r="G320" s="5" t="s">
        <v>36</v>
      </c>
      <c r="H320" s="6" t="s">
        <v>37</v>
      </c>
      <c r="I320" s="8">
        <v>43789</v>
      </c>
    </row>
    <row r="321" spans="1:9" ht="24" x14ac:dyDescent="0.2">
      <c r="A321" s="4">
        <v>43556</v>
      </c>
      <c r="B321" s="5" t="s">
        <v>8</v>
      </c>
      <c r="C321" s="5" t="s">
        <v>874</v>
      </c>
      <c r="D321" s="6" t="s">
        <v>895</v>
      </c>
      <c r="E321" s="5" t="s">
        <v>896</v>
      </c>
      <c r="F321" s="7">
        <v>22000</v>
      </c>
      <c r="G321" s="5" t="s">
        <v>897</v>
      </c>
      <c r="H321" s="6" t="s">
        <v>898</v>
      </c>
      <c r="I321" s="8">
        <v>43789</v>
      </c>
    </row>
    <row r="322" spans="1:9" ht="24" x14ac:dyDescent="0.2">
      <c r="A322" s="4">
        <v>43556</v>
      </c>
      <c r="B322" s="5" t="s">
        <v>8</v>
      </c>
      <c r="C322" s="5" t="s">
        <v>874</v>
      </c>
      <c r="D322" s="6" t="s">
        <v>899</v>
      </c>
      <c r="E322" s="5" t="s">
        <v>900</v>
      </c>
      <c r="F322" s="7">
        <v>134541</v>
      </c>
      <c r="G322" s="5" t="s">
        <v>36</v>
      </c>
      <c r="H322" s="6" t="s">
        <v>37</v>
      </c>
      <c r="I322" s="8">
        <v>43802</v>
      </c>
    </row>
    <row r="323" spans="1:9" ht="24" x14ac:dyDescent="0.2">
      <c r="A323" s="4">
        <v>43556</v>
      </c>
      <c r="B323" s="5" t="s">
        <v>8</v>
      </c>
      <c r="C323" s="5" t="s">
        <v>874</v>
      </c>
      <c r="D323" s="6" t="s">
        <v>901</v>
      </c>
      <c r="E323" s="5" t="s">
        <v>794</v>
      </c>
      <c r="F323" s="7">
        <v>89276</v>
      </c>
      <c r="G323" s="5" t="s">
        <v>254</v>
      </c>
      <c r="H323" s="6" t="s">
        <v>255</v>
      </c>
      <c r="I323" s="8">
        <v>43808</v>
      </c>
    </row>
    <row r="324" spans="1:9" ht="24" x14ac:dyDescent="0.2">
      <c r="A324" s="4">
        <v>43556</v>
      </c>
      <c r="B324" s="5" t="s">
        <v>8</v>
      </c>
      <c r="C324" s="5" t="s">
        <v>874</v>
      </c>
      <c r="D324" s="6" t="s">
        <v>902</v>
      </c>
      <c r="E324" s="5" t="s">
        <v>903</v>
      </c>
      <c r="F324" s="7">
        <v>72358</v>
      </c>
      <c r="G324" s="5" t="s">
        <v>36</v>
      </c>
      <c r="H324" s="6" t="s">
        <v>37</v>
      </c>
      <c r="I324" s="8">
        <v>43809</v>
      </c>
    </row>
    <row r="325" spans="1:9" ht="24" x14ac:dyDescent="0.2">
      <c r="A325" s="4">
        <v>43556</v>
      </c>
      <c r="B325" s="5" t="s">
        <v>8</v>
      </c>
      <c r="C325" s="5" t="s">
        <v>874</v>
      </c>
      <c r="D325" s="6" t="s">
        <v>904</v>
      </c>
      <c r="E325" s="5" t="s">
        <v>905</v>
      </c>
      <c r="F325" s="7">
        <v>10472</v>
      </c>
      <c r="G325" s="5" t="s">
        <v>117</v>
      </c>
      <c r="H325" s="6" t="s">
        <v>118</v>
      </c>
      <c r="I325" s="8">
        <v>43811</v>
      </c>
    </row>
    <row r="326" spans="1:9" ht="24" x14ac:dyDescent="0.2">
      <c r="A326" s="4">
        <v>43556</v>
      </c>
      <c r="B326" s="5" t="s">
        <v>8</v>
      </c>
      <c r="C326" s="5" t="s">
        <v>906</v>
      </c>
      <c r="D326" s="6" t="s">
        <v>907</v>
      </c>
      <c r="E326" s="5" t="s">
        <v>908</v>
      </c>
      <c r="F326" s="7">
        <v>114134</v>
      </c>
      <c r="G326" s="5" t="s">
        <v>36</v>
      </c>
      <c r="H326" s="6" t="s">
        <v>37</v>
      </c>
      <c r="I326" s="8">
        <v>43740</v>
      </c>
    </row>
    <row r="327" spans="1:9" ht="24" x14ac:dyDescent="0.2">
      <c r="A327" s="4">
        <v>43556</v>
      </c>
      <c r="B327" s="5" t="s">
        <v>8</v>
      </c>
      <c r="C327" s="5" t="s">
        <v>906</v>
      </c>
      <c r="D327" s="6" t="s">
        <v>909</v>
      </c>
      <c r="E327" s="5" t="s">
        <v>910</v>
      </c>
      <c r="F327" s="7">
        <v>6723</v>
      </c>
      <c r="G327" s="5" t="s">
        <v>911</v>
      </c>
      <c r="H327" s="6" t="s">
        <v>912</v>
      </c>
      <c r="I327" s="8">
        <v>43740</v>
      </c>
    </row>
    <row r="328" spans="1:9" ht="24" x14ac:dyDescent="0.2">
      <c r="A328" s="4">
        <v>43556</v>
      </c>
      <c r="B328" s="5" t="s">
        <v>8</v>
      </c>
      <c r="C328" s="5" t="s">
        <v>906</v>
      </c>
      <c r="D328" s="6" t="s">
        <v>913</v>
      </c>
      <c r="E328" s="5" t="s">
        <v>914</v>
      </c>
      <c r="F328" s="7">
        <v>86508</v>
      </c>
      <c r="G328" s="5" t="s">
        <v>36</v>
      </c>
      <c r="H328" s="6" t="s">
        <v>37</v>
      </c>
      <c r="I328" s="8">
        <v>43742</v>
      </c>
    </row>
    <row r="329" spans="1:9" ht="24" x14ac:dyDescent="0.2">
      <c r="A329" s="4">
        <v>43556</v>
      </c>
      <c r="B329" s="5" t="s">
        <v>8</v>
      </c>
      <c r="C329" s="5" t="s">
        <v>906</v>
      </c>
      <c r="D329" s="6" t="s">
        <v>915</v>
      </c>
      <c r="E329" s="5" t="s">
        <v>883</v>
      </c>
      <c r="F329" s="7">
        <v>31860</v>
      </c>
      <c r="G329" s="5" t="s">
        <v>264</v>
      </c>
      <c r="H329" s="6" t="s">
        <v>265</v>
      </c>
      <c r="I329" s="8">
        <v>43742</v>
      </c>
    </row>
    <row r="330" spans="1:9" ht="24" x14ac:dyDescent="0.2">
      <c r="A330" s="4">
        <v>43556</v>
      </c>
      <c r="B330" s="5" t="s">
        <v>8</v>
      </c>
      <c r="C330" s="5" t="s">
        <v>906</v>
      </c>
      <c r="D330" s="6" t="s">
        <v>916</v>
      </c>
      <c r="E330" s="5" t="s">
        <v>917</v>
      </c>
      <c r="F330" s="7">
        <v>64584</v>
      </c>
      <c r="G330" s="5" t="s">
        <v>918</v>
      </c>
      <c r="H330" s="6" t="s">
        <v>510</v>
      </c>
      <c r="I330" s="8">
        <v>43746</v>
      </c>
    </row>
    <row r="331" spans="1:9" ht="24" x14ac:dyDescent="0.2">
      <c r="A331" s="4">
        <v>43556</v>
      </c>
      <c r="B331" s="5" t="s">
        <v>8</v>
      </c>
      <c r="C331" s="5" t="s">
        <v>906</v>
      </c>
      <c r="D331" s="6" t="s">
        <v>919</v>
      </c>
      <c r="E331" s="5" t="s">
        <v>920</v>
      </c>
      <c r="F331" s="7">
        <v>8800</v>
      </c>
      <c r="G331" s="5" t="s">
        <v>921</v>
      </c>
      <c r="H331" s="6" t="s">
        <v>922</v>
      </c>
      <c r="I331" s="8">
        <v>43753</v>
      </c>
    </row>
    <row r="332" spans="1:9" ht="24" x14ac:dyDescent="0.2">
      <c r="A332" s="4">
        <v>43556</v>
      </c>
      <c r="B332" s="5" t="s">
        <v>8</v>
      </c>
      <c r="C332" s="5" t="s">
        <v>906</v>
      </c>
      <c r="D332" s="6" t="s">
        <v>923</v>
      </c>
      <c r="E332" s="5" t="s">
        <v>924</v>
      </c>
      <c r="F332" s="7">
        <v>50600</v>
      </c>
      <c r="G332" s="5" t="s">
        <v>925</v>
      </c>
      <c r="H332" s="6" t="s">
        <v>829</v>
      </c>
      <c r="I332" s="8">
        <v>43754</v>
      </c>
    </row>
    <row r="333" spans="1:9" ht="24" x14ac:dyDescent="0.2">
      <c r="A333" s="4">
        <v>43556</v>
      </c>
      <c r="B333" s="5" t="s">
        <v>8</v>
      </c>
      <c r="C333" s="5" t="s">
        <v>906</v>
      </c>
      <c r="D333" s="6" t="s">
        <v>926</v>
      </c>
      <c r="E333" s="5" t="s">
        <v>927</v>
      </c>
      <c r="F333" s="7">
        <v>177650</v>
      </c>
      <c r="G333" s="5" t="s">
        <v>925</v>
      </c>
      <c r="H333" s="6" t="s">
        <v>829</v>
      </c>
      <c r="I333" s="8">
        <v>43770</v>
      </c>
    </row>
    <row r="334" spans="1:9" ht="24" x14ac:dyDescent="0.2">
      <c r="A334" s="4">
        <v>43556</v>
      </c>
      <c r="B334" s="5" t="s">
        <v>8</v>
      </c>
      <c r="C334" s="5" t="s">
        <v>906</v>
      </c>
      <c r="D334" s="6" t="s">
        <v>928</v>
      </c>
      <c r="E334" s="5" t="s">
        <v>929</v>
      </c>
      <c r="F334" s="7">
        <v>119592</v>
      </c>
      <c r="G334" s="5" t="s">
        <v>36</v>
      </c>
      <c r="H334" s="6" t="s">
        <v>37</v>
      </c>
      <c r="I334" s="8">
        <v>43774</v>
      </c>
    </row>
    <row r="335" spans="1:9" ht="24" x14ac:dyDescent="0.2">
      <c r="A335" s="4">
        <v>43556</v>
      </c>
      <c r="B335" s="5" t="s">
        <v>8</v>
      </c>
      <c r="C335" s="5" t="s">
        <v>906</v>
      </c>
      <c r="D335" s="6" t="s">
        <v>930</v>
      </c>
      <c r="E335" s="5" t="s">
        <v>931</v>
      </c>
      <c r="F335" s="7">
        <v>35750</v>
      </c>
      <c r="G335" s="5" t="s">
        <v>925</v>
      </c>
      <c r="H335" s="6" t="s">
        <v>829</v>
      </c>
      <c r="I335" s="8">
        <v>43775</v>
      </c>
    </row>
    <row r="336" spans="1:9" ht="24" x14ac:dyDescent="0.2">
      <c r="A336" s="4">
        <v>43556</v>
      </c>
      <c r="B336" s="5" t="s">
        <v>8</v>
      </c>
      <c r="C336" s="5" t="s">
        <v>906</v>
      </c>
      <c r="D336" s="6" t="s">
        <v>932</v>
      </c>
      <c r="E336" s="5" t="s">
        <v>933</v>
      </c>
      <c r="F336" s="7">
        <v>98065</v>
      </c>
      <c r="G336" s="5" t="s">
        <v>934</v>
      </c>
      <c r="H336" s="6" t="s">
        <v>790</v>
      </c>
      <c r="I336" s="8">
        <v>43776</v>
      </c>
    </row>
    <row r="337" spans="1:9" ht="24" x14ac:dyDescent="0.2">
      <c r="A337" s="4">
        <v>43556</v>
      </c>
      <c r="B337" s="5" t="s">
        <v>8</v>
      </c>
      <c r="C337" s="5" t="s">
        <v>906</v>
      </c>
      <c r="D337" s="6" t="s">
        <v>935</v>
      </c>
      <c r="E337" s="5" t="s">
        <v>936</v>
      </c>
      <c r="F337" s="7">
        <v>28776</v>
      </c>
      <c r="G337" s="5" t="s">
        <v>918</v>
      </c>
      <c r="H337" s="6" t="s">
        <v>510</v>
      </c>
      <c r="I337" s="8">
        <v>43777</v>
      </c>
    </row>
    <row r="338" spans="1:9" ht="24" x14ac:dyDescent="0.2">
      <c r="A338" s="4">
        <v>43556</v>
      </c>
      <c r="B338" s="5" t="s">
        <v>8</v>
      </c>
      <c r="C338" s="5" t="s">
        <v>906</v>
      </c>
      <c r="D338" s="6" t="s">
        <v>937</v>
      </c>
      <c r="E338" s="5" t="s">
        <v>938</v>
      </c>
      <c r="F338" s="7">
        <v>51183</v>
      </c>
      <c r="G338" s="5" t="s">
        <v>918</v>
      </c>
      <c r="H338" s="6" t="s">
        <v>510</v>
      </c>
      <c r="I338" s="8">
        <v>43781</v>
      </c>
    </row>
    <row r="339" spans="1:9" ht="24" x14ac:dyDescent="0.2">
      <c r="A339" s="4">
        <v>43556</v>
      </c>
      <c r="B339" s="5" t="s">
        <v>8</v>
      </c>
      <c r="C339" s="5" t="s">
        <v>906</v>
      </c>
      <c r="D339" s="6" t="s">
        <v>939</v>
      </c>
      <c r="E339" s="5" t="s">
        <v>940</v>
      </c>
      <c r="F339" s="7">
        <v>7920</v>
      </c>
      <c r="G339" s="5" t="s">
        <v>925</v>
      </c>
      <c r="H339" s="6" t="s">
        <v>829</v>
      </c>
      <c r="I339" s="8">
        <v>43788</v>
      </c>
    </row>
    <row r="340" spans="1:9" ht="24" x14ac:dyDescent="0.2">
      <c r="A340" s="4">
        <v>43556</v>
      </c>
      <c r="B340" s="5" t="s">
        <v>8</v>
      </c>
      <c r="C340" s="5" t="s">
        <v>906</v>
      </c>
      <c r="D340" s="6" t="s">
        <v>941</v>
      </c>
      <c r="E340" s="5" t="s">
        <v>942</v>
      </c>
      <c r="F340" s="7">
        <v>59796</v>
      </c>
      <c r="G340" s="5" t="s">
        <v>36</v>
      </c>
      <c r="H340" s="6" t="s">
        <v>37</v>
      </c>
      <c r="I340" s="8">
        <v>43802</v>
      </c>
    </row>
    <row r="341" spans="1:9" ht="24" x14ac:dyDescent="0.2">
      <c r="A341" s="4">
        <v>43556</v>
      </c>
      <c r="B341" s="5" t="s">
        <v>8</v>
      </c>
      <c r="C341" s="5" t="s">
        <v>906</v>
      </c>
      <c r="D341" s="6" t="s">
        <v>943</v>
      </c>
      <c r="E341" s="5" t="s">
        <v>944</v>
      </c>
      <c r="F341" s="7">
        <v>3630</v>
      </c>
      <c r="G341" s="5" t="s">
        <v>918</v>
      </c>
      <c r="H341" s="6" t="s">
        <v>510</v>
      </c>
      <c r="I341" s="8">
        <v>43803</v>
      </c>
    </row>
    <row r="342" spans="1:9" ht="24" x14ac:dyDescent="0.2">
      <c r="A342" s="4">
        <v>43556</v>
      </c>
      <c r="B342" s="5" t="s">
        <v>8</v>
      </c>
      <c r="C342" s="5" t="s">
        <v>906</v>
      </c>
      <c r="D342" s="6" t="s">
        <v>945</v>
      </c>
      <c r="E342" s="5" t="s">
        <v>946</v>
      </c>
      <c r="F342" s="7">
        <v>246895</v>
      </c>
      <c r="G342" s="5" t="s">
        <v>934</v>
      </c>
      <c r="H342" s="6" t="s">
        <v>790</v>
      </c>
      <c r="I342" s="8">
        <v>43805</v>
      </c>
    </row>
    <row r="343" spans="1:9" ht="24" x14ac:dyDescent="0.2">
      <c r="A343" s="4">
        <v>43556</v>
      </c>
      <c r="B343" s="5" t="s">
        <v>8</v>
      </c>
      <c r="C343" s="5" t="s">
        <v>906</v>
      </c>
      <c r="D343" s="6" t="s">
        <v>947</v>
      </c>
      <c r="E343" s="5" t="s">
        <v>936</v>
      </c>
      <c r="F343" s="7">
        <v>26180</v>
      </c>
      <c r="G343" s="5" t="s">
        <v>918</v>
      </c>
      <c r="H343" s="6" t="s">
        <v>510</v>
      </c>
      <c r="I343" s="8">
        <v>43812</v>
      </c>
    </row>
    <row r="344" spans="1:9" ht="24" x14ac:dyDescent="0.2">
      <c r="A344" s="4">
        <v>43556</v>
      </c>
      <c r="B344" s="5" t="s">
        <v>8</v>
      </c>
      <c r="C344" s="5" t="s">
        <v>906</v>
      </c>
      <c r="D344" s="6" t="s">
        <v>948</v>
      </c>
      <c r="E344" s="5" t="s">
        <v>949</v>
      </c>
      <c r="F344" s="7">
        <v>3982</v>
      </c>
      <c r="G344" s="5" t="s">
        <v>950</v>
      </c>
      <c r="H344" s="6" t="s">
        <v>199</v>
      </c>
      <c r="I344" s="8">
        <v>43816</v>
      </c>
    </row>
    <row r="345" spans="1:9" ht="24" x14ac:dyDescent="0.2">
      <c r="A345" s="4">
        <v>43556</v>
      </c>
      <c r="B345" s="5" t="s">
        <v>8</v>
      </c>
      <c r="C345" s="5" t="s">
        <v>906</v>
      </c>
      <c r="D345" s="6" t="s">
        <v>951</v>
      </c>
      <c r="E345" s="5" t="s">
        <v>952</v>
      </c>
      <c r="F345" s="7">
        <v>11275</v>
      </c>
      <c r="G345" s="5" t="s">
        <v>918</v>
      </c>
      <c r="H345" s="6" t="s">
        <v>510</v>
      </c>
      <c r="I345" s="8">
        <v>43818</v>
      </c>
    </row>
    <row r="346" spans="1:9" ht="24" x14ac:dyDescent="0.2">
      <c r="A346" s="4">
        <v>43556</v>
      </c>
      <c r="B346" s="5" t="s">
        <v>8</v>
      </c>
      <c r="C346" s="5" t="s">
        <v>906</v>
      </c>
      <c r="D346" s="6" t="s">
        <v>953</v>
      </c>
      <c r="E346" s="5" t="s">
        <v>954</v>
      </c>
      <c r="F346" s="7">
        <v>74580</v>
      </c>
      <c r="G346" s="5" t="s">
        <v>117</v>
      </c>
      <c r="H346" s="6" t="s">
        <v>118</v>
      </c>
      <c r="I346" s="8">
        <v>43819</v>
      </c>
    </row>
    <row r="347" spans="1:9" ht="24" x14ac:dyDescent="0.2">
      <c r="A347" s="4">
        <v>43556</v>
      </c>
      <c r="B347" s="5" t="s">
        <v>8</v>
      </c>
      <c r="C347" s="5" t="s">
        <v>906</v>
      </c>
      <c r="D347" s="6" t="s">
        <v>955</v>
      </c>
      <c r="E347" s="5" t="s">
        <v>956</v>
      </c>
      <c r="F347" s="7">
        <v>51150</v>
      </c>
      <c r="G347" s="5" t="s">
        <v>925</v>
      </c>
      <c r="H347" s="6" t="s">
        <v>829</v>
      </c>
      <c r="I347" s="8">
        <v>43824</v>
      </c>
    </row>
    <row r="348" spans="1:9" ht="24" x14ac:dyDescent="0.2">
      <c r="A348" s="4">
        <v>43556</v>
      </c>
      <c r="B348" s="5" t="s">
        <v>8</v>
      </c>
      <c r="C348" s="5" t="s">
        <v>957</v>
      </c>
      <c r="D348" s="6" t="s">
        <v>958</v>
      </c>
      <c r="E348" s="5" t="s">
        <v>959</v>
      </c>
      <c r="F348" s="7">
        <v>74759</v>
      </c>
      <c r="G348" s="5" t="s">
        <v>36</v>
      </c>
      <c r="H348" s="6" t="s">
        <v>37</v>
      </c>
      <c r="I348" s="8">
        <v>43741</v>
      </c>
    </row>
    <row r="349" spans="1:9" ht="24" x14ac:dyDescent="0.2">
      <c r="A349" s="4">
        <v>43556</v>
      </c>
      <c r="B349" s="5" t="s">
        <v>8</v>
      </c>
      <c r="C349" s="5" t="s">
        <v>957</v>
      </c>
      <c r="D349" s="6" t="s">
        <v>960</v>
      </c>
      <c r="E349" s="5" t="s">
        <v>961</v>
      </c>
      <c r="F349" s="7">
        <v>24732</v>
      </c>
      <c r="G349" s="5" t="s">
        <v>858</v>
      </c>
      <c r="H349" s="6" t="s">
        <v>790</v>
      </c>
      <c r="I349" s="8">
        <v>43741</v>
      </c>
    </row>
    <row r="350" spans="1:9" ht="24" x14ac:dyDescent="0.2">
      <c r="A350" s="4">
        <v>43556</v>
      </c>
      <c r="B350" s="5" t="s">
        <v>8</v>
      </c>
      <c r="C350" s="5" t="s">
        <v>957</v>
      </c>
      <c r="D350" s="6" t="s">
        <v>962</v>
      </c>
      <c r="E350" s="5" t="s">
        <v>963</v>
      </c>
      <c r="F350" s="7">
        <v>14520</v>
      </c>
      <c r="G350" s="5" t="s">
        <v>964</v>
      </c>
      <c r="H350" s="6" t="s">
        <v>965</v>
      </c>
      <c r="I350" s="8">
        <v>43747</v>
      </c>
    </row>
    <row r="351" spans="1:9" ht="24" x14ac:dyDescent="0.2">
      <c r="A351" s="4">
        <v>43556</v>
      </c>
      <c r="B351" s="5" t="s">
        <v>8</v>
      </c>
      <c r="C351" s="5" t="s">
        <v>957</v>
      </c>
      <c r="D351" s="6" t="s">
        <v>966</v>
      </c>
      <c r="E351" s="5" t="s">
        <v>967</v>
      </c>
      <c r="F351" s="7">
        <v>55479</v>
      </c>
      <c r="G351" s="5" t="s">
        <v>224</v>
      </c>
      <c r="H351" s="6" t="s">
        <v>225</v>
      </c>
      <c r="I351" s="8">
        <v>43749</v>
      </c>
    </row>
    <row r="352" spans="1:9" ht="24" x14ac:dyDescent="0.2">
      <c r="A352" s="4">
        <v>43556</v>
      </c>
      <c r="B352" s="5" t="s">
        <v>8</v>
      </c>
      <c r="C352" s="5" t="s">
        <v>957</v>
      </c>
      <c r="D352" s="6" t="s">
        <v>968</v>
      </c>
      <c r="E352" s="5" t="s">
        <v>969</v>
      </c>
      <c r="F352" s="7">
        <v>110228</v>
      </c>
      <c r="G352" s="5" t="s">
        <v>509</v>
      </c>
      <c r="H352" s="6" t="s">
        <v>510</v>
      </c>
      <c r="I352" s="8">
        <v>43749</v>
      </c>
    </row>
    <row r="353" spans="1:9" x14ac:dyDescent="0.2">
      <c r="A353" s="4">
        <v>43556</v>
      </c>
      <c r="B353" s="5" t="s">
        <v>8</v>
      </c>
      <c r="C353" s="5" t="s">
        <v>957</v>
      </c>
      <c r="D353" s="6" t="s">
        <v>970</v>
      </c>
      <c r="E353" s="5" t="s">
        <v>971</v>
      </c>
      <c r="F353" s="7">
        <v>14172</v>
      </c>
      <c r="G353" s="5" t="s">
        <v>972</v>
      </c>
      <c r="H353" s="6" t="s">
        <v>33</v>
      </c>
      <c r="I353" s="8">
        <v>43780</v>
      </c>
    </row>
    <row r="354" spans="1:9" ht="24" x14ac:dyDescent="0.2">
      <c r="A354" s="4">
        <v>43556</v>
      </c>
      <c r="B354" s="5" t="s">
        <v>8</v>
      </c>
      <c r="C354" s="5" t="s">
        <v>957</v>
      </c>
      <c r="D354" s="6" t="s">
        <v>973</v>
      </c>
      <c r="E354" s="5" t="s">
        <v>974</v>
      </c>
      <c r="F354" s="7">
        <v>29319</v>
      </c>
      <c r="G354" s="5" t="s">
        <v>224</v>
      </c>
      <c r="H354" s="6" t="s">
        <v>225</v>
      </c>
      <c r="I354" s="8">
        <v>43780</v>
      </c>
    </row>
    <row r="355" spans="1:9" ht="24" x14ac:dyDescent="0.2">
      <c r="A355" s="4">
        <v>43556</v>
      </c>
      <c r="B355" s="5" t="s">
        <v>8</v>
      </c>
      <c r="C355" s="5" t="s">
        <v>957</v>
      </c>
      <c r="D355" s="6" t="s">
        <v>975</v>
      </c>
      <c r="E355" s="5" t="s">
        <v>976</v>
      </c>
      <c r="F355" s="7">
        <v>13219</v>
      </c>
      <c r="G355" s="5" t="s">
        <v>452</v>
      </c>
      <c r="H355" s="6" t="s">
        <v>453</v>
      </c>
      <c r="I355" s="8">
        <v>43784</v>
      </c>
    </row>
    <row r="356" spans="1:9" ht="24" x14ac:dyDescent="0.2">
      <c r="A356" s="4">
        <v>43556</v>
      </c>
      <c r="B356" s="5" t="s">
        <v>8</v>
      </c>
      <c r="C356" s="5" t="s">
        <v>957</v>
      </c>
      <c r="D356" s="6" t="s">
        <v>977</v>
      </c>
      <c r="E356" s="5" t="s">
        <v>641</v>
      </c>
      <c r="F356" s="7">
        <v>31020</v>
      </c>
      <c r="G356" s="5" t="s">
        <v>198</v>
      </c>
      <c r="H356" s="6" t="s">
        <v>199</v>
      </c>
      <c r="I356" s="8">
        <v>43795</v>
      </c>
    </row>
    <row r="357" spans="1:9" ht="24" x14ac:dyDescent="0.2">
      <c r="A357" s="4">
        <v>43556</v>
      </c>
      <c r="B357" s="5" t="s">
        <v>8</v>
      </c>
      <c r="C357" s="5" t="s">
        <v>957</v>
      </c>
      <c r="D357" s="6" t="s">
        <v>978</v>
      </c>
      <c r="E357" s="5" t="s">
        <v>979</v>
      </c>
      <c r="F357" s="7">
        <v>9790</v>
      </c>
      <c r="G357" s="5" t="s">
        <v>117</v>
      </c>
      <c r="H357" s="6" t="s">
        <v>118</v>
      </c>
      <c r="I357" s="8">
        <v>43804</v>
      </c>
    </row>
    <row r="358" spans="1:9" ht="24" x14ac:dyDescent="0.2">
      <c r="A358" s="4">
        <v>43556</v>
      </c>
      <c r="B358" s="5" t="s">
        <v>8</v>
      </c>
      <c r="C358" s="5" t="s">
        <v>957</v>
      </c>
      <c r="D358" s="6" t="s">
        <v>980</v>
      </c>
      <c r="E358" s="5" t="s">
        <v>981</v>
      </c>
      <c r="F358" s="7">
        <v>89694</v>
      </c>
      <c r="G358" s="5" t="s">
        <v>36</v>
      </c>
      <c r="H358" s="6" t="s">
        <v>37</v>
      </c>
      <c r="I358" s="8">
        <v>43804</v>
      </c>
    </row>
    <row r="359" spans="1:9" ht="24" x14ac:dyDescent="0.2">
      <c r="A359" s="4">
        <v>43556</v>
      </c>
      <c r="B359" s="5" t="s">
        <v>8</v>
      </c>
      <c r="C359" s="5" t="s">
        <v>957</v>
      </c>
      <c r="D359" s="6" t="s">
        <v>982</v>
      </c>
      <c r="E359" s="5" t="s">
        <v>983</v>
      </c>
      <c r="F359" s="7">
        <v>40111</v>
      </c>
      <c r="G359" s="5" t="s">
        <v>509</v>
      </c>
      <c r="H359" s="6" t="s">
        <v>510</v>
      </c>
      <c r="I359" s="8">
        <v>43810</v>
      </c>
    </row>
    <row r="360" spans="1:9" ht="24" x14ac:dyDescent="0.2">
      <c r="A360" s="4">
        <v>43556</v>
      </c>
      <c r="B360" s="5" t="s">
        <v>8</v>
      </c>
      <c r="C360" s="5" t="s">
        <v>957</v>
      </c>
      <c r="D360" s="6" t="s">
        <v>984</v>
      </c>
      <c r="E360" s="5" t="s">
        <v>792</v>
      </c>
      <c r="F360" s="7">
        <v>68266</v>
      </c>
      <c r="G360" s="5" t="s">
        <v>117</v>
      </c>
      <c r="H360" s="6" t="s">
        <v>118</v>
      </c>
      <c r="I360" s="8">
        <v>43810</v>
      </c>
    </row>
    <row r="361" spans="1:9" ht="24" x14ac:dyDescent="0.2">
      <c r="A361" s="4">
        <v>43556</v>
      </c>
      <c r="B361" s="5" t="s">
        <v>8</v>
      </c>
      <c r="C361" s="5" t="s">
        <v>957</v>
      </c>
      <c r="D361" s="6" t="s">
        <v>985</v>
      </c>
      <c r="E361" s="5" t="s">
        <v>986</v>
      </c>
      <c r="F361" s="7">
        <v>172273</v>
      </c>
      <c r="G361" s="5" t="s">
        <v>774</v>
      </c>
      <c r="H361" s="6" t="s">
        <v>775</v>
      </c>
      <c r="I361" s="8">
        <v>43812</v>
      </c>
    </row>
    <row r="362" spans="1:9" ht="24" x14ac:dyDescent="0.2">
      <c r="A362" s="4">
        <v>43556</v>
      </c>
      <c r="B362" s="5" t="s">
        <v>8</v>
      </c>
      <c r="C362" s="5" t="s">
        <v>957</v>
      </c>
      <c r="D362" s="6" t="s">
        <v>987</v>
      </c>
      <c r="E362" s="5" t="s">
        <v>988</v>
      </c>
      <c r="F362" s="7">
        <v>25520</v>
      </c>
      <c r="G362" s="5" t="s">
        <v>989</v>
      </c>
      <c r="H362" s="6" t="s">
        <v>990</v>
      </c>
      <c r="I362" s="8">
        <v>43823</v>
      </c>
    </row>
    <row r="363" spans="1:9" ht="24" x14ac:dyDescent="0.2">
      <c r="A363" s="4">
        <v>43556</v>
      </c>
      <c r="B363" s="5" t="s">
        <v>8</v>
      </c>
      <c r="C363" s="5" t="s">
        <v>957</v>
      </c>
      <c r="D363" s="6" t="s">
        <v>991</v>
      </c>
      <c r="E363" s="5" t="s">
        <v>992</v>
      </c>
      <c r="F363" s="7">
        <v>75361</v>
      </c>
      <c r="G363" s="5" t="s">
        <v>880</v>
      </c>
      <c r="H363" s="6" t="s">
        <v>881</v>
      </c>
      <c r="I363" s="8">
        <v>43825</v>
      </c>
    </row>
    <row r="364" spans="1:9" ht="24" x14ac:dyDescent="0.2">
      <c r="A364" s="4">
        <v>43556</v>
      </c>
      <c r="B364" s="5" t="s">
        <v>8</v>
      </c>
      <c r="C364" s="5" t="s">
        <v>993</v>
      </c>
      <c r="D364" s="6" t="s">
        <v>994</v>
      </c>
      <c r="E364" s="5" t="s">
        <v>995</v>
      </c>
      <c r="F364" s="7">
        <v>256942</v>
      </c>
      <c r="G364" s="5" t="s">
        <v>858</v>
      </c>
      <c r="H364" s="6" t="s">
        <v>790</v>
      </c>
      <c r="I364" s="8">
        <v>43749</v>
      </c>
    </row>
    <row r="365" spans="1:9" ht="24" x14ac:dyDescent="0.2">
      <c r="A365" s="4">
        <v>43556</v>
      </c>
      <c r="B365" s="5" t="s">
        <v>8</v>
      </c>
      <c r="C365" s="5" t="s">
        <v>993</v>
      </c>
      <c r="D365" s="6" t="s">
        <v>996</v>
      </c>
      <c r="E365" s="5" t="s">
        <v>997</v>
      </c>
      <c r="F365" s="7">
        <v>16200</v>
      </c>
      <c r="G365" s="5" t="s">
        <v>264</v>
      </c>
      <c r="H365" s="6" t="s">
        <v>265</v>
      </c>
      <c r="I365" s="8">
        <v>43749</v>
      </c>
    </row>
    <row r="366" spans="1:9" ht="24" x14ac:dyDescent="0.2">
      <c r="A366" s="4">
        <v>43556</v>
      </c>
      <c r="B366" s="5" t="s">
        <v>8</v>
      </c>
      <c r="C366" s="5" t="s">
        <v>993</v>
      </c>
      <c r="D366" s="6" t="s">
        <v>998</v>
      </c>
      <c r="E366" s="5" t="s">
        <v>999</v>
      </c>
      <c r="F366" s="7">
        <v>84844</v>
      </c>
      <c r="G366" s="5" t="s">
        <v>509</v>
      </c>
      <c r="H366" s="6" t="s">
        <v>510</v>
      </c>
      <c r="I366" s="8">
        <v>43754</v>
      </c>
    </row>
    <row r="367" spans="1:9" ht="24" x14ac:dyDescent="0.2">
      <c r="A367" s="4">
        <v>43556</v>
      </c>
      <c r="B367" s="5" t="s">
        <v>8</v>
      </c>
      <c r="C367" s="5" t="s">
        <v>993</v>
      </c>
      <c r="D367" s="6" t="s">
        <v>1000</v>
      </c>
      <c r="E367" s="5" t="s">
        <v>1001</v>
      </c>
      <c r="F367" s="7">
        <v>127835</v>
      </c>
      <c r="G367" s="5" t="s">
        <v>36</v>
      </c>
      <c r="H367" s="6" t="s">
        <v>37</v>
      </c>
      <c r="I367" s="8">
        <v>43754</v>
      </c>
    </row>
    <row r="368" spans="1:9" ht="24" x14ac:dyDescent="0.2">
      <c r="A368" s="4">
        <v>43556</v>
      </c>
      <c r="B368" s="5" t="s">
        <v>8</v>
      </c>
      <c r="C368" s="5" t="s">
        <v>993</v>
      </c>
      <c r="D368" s="6" t="s">
        <v>1002</v>
      </c>
      <c r="E368" s="5" t="s">
        <v>631</v>
      </c>
      <c r="F368" s="7">
        <v>16500</v>
      </c>
      <c r="G368" s="5" t="s">
        <v>264</v>
      </c>
      <c r="H368" s="6" t="s">
        <v>265</v>
      </c>
      <c r="I368" s="8">
        <v>43780</v>
      </c>
    </row>
    <row r="369" spans="1:9" ht="24" x14ac:dyDescent="0.2">
      <c r="A369" s="4">
        <v>43556</v>
      </c>
      <c r="B369" s="5" t="s">
        <v>8</v>
      </c>
      <c r="C369" s="5" t="s">
        <v>993</v>
      </c>
      <c r="D369" s="6" t="s">
        <v>1003</v>
      </c>
      <c r="E369" s="5" t="s">
        <v>1004</v>
      </c>
      <c r="F369" s="7">
        <v>17600</v>
      </c>
      <c r="G369" s="5" t="s">
        <v>1005</v>
      </c>
      <c r="H369" s="6" t="s">
        <v>922</v>
      </c>
      <c r="I369" s="8">
        <v>43782</v>
      </c>
    </row>
    <row r="370" spans="1:9" ht="24" x14ac:dyDescent="0.2">
      <c r="A370" s="4">
        <v>43556</v>
      </c>
      <c r="B370" s="5" t="s">
        <v>8</v>
      </c>
      <c r="C370" s="5" t="s">
        <v>993</v>
      </c>
      <c r="D370" s="6" t="s">
        <v>1006</v>
      </c>
      <c r="E370" s="5" t="s">
        <v>629</v>
      </c>
      <c r="F370" s="7">
        <v>162503</v>
      </c>
      <c r="G370" s="5" t="s">
        <v>36</v>
      </c>
      <c r="H370" s="6" t="s">
        <v>37</v>
      </c>
      <c r="I370" s="8">
        <v>43784</v>
      </c>
    </row>
    <row r="371" spans="1:9" ht="24" x14ac:dyDescent="0.2">
      <c r="A371" s="4">
        <v>43556</v>
      </c>
      <c r="B371" s="5" t="s">
        <v>8</v>
      </c>
      <c r="C371" s="5" t="s">
        <v>993</v>
      </c>
      <c r="D371" s="6" t="s">
        <v>1007</v>
      </c>
      <c r="E371" s="5" t="s">
        <v>1008</v>
      </c>
      <c r="F371" s="7">
        <v>75233</v>
      </c>
      <c r="G371" s="5" t="s">
        <v>328</v>
      </c>
      <c r="H371" s="6" t="s">
        <v>329</v>
      </c>
      <c r="I371" s="8">
        <v>43804</v>
      </c>
    </row>
    <row r="372" spans="1:9" ht="24" x14ac:dyDescent="0.2">
      <c r="A372" s="4">
        <v>43556</v>
      </c>
      <c r="B372" s="5" t="s">
        <v>8</v>
      </c>
      <c r="C372" s="5" t="s">
        <v>993</v>
      </c>
      <c r="D372" s="6" t="s">
        <v>1009</v>
      </c>
      <c r="E372" s="5" t="s">
        <v>1010</v>
      </c>
      <c r="F372" s="7">
        <v>16500</v>
      </c>
      <c r="G372" s="5" t="s">
        <v>264</v>
      </c>
      <c r="H372" s="6" t="s">
        <v>265</v>
      </c>
      <c r="I372" s="8">
        <v>43808</v>
      </c>
    </row>
    <row r="373" spans="1:9" ht="24" x14ac:dyDescent="0.2">
      <c r="A373" s="4">
        <v>43556</v>
      </c>
      <c r="B373" s="5" t="s">
        <v>8</v>
      </c>
      <c r="C373" s="5" t="s">
        <v>993</v>
      </c>
      <c r="D373" s="6" t="s">
        <v>1011</v>
      </c>
      <c r="E373" s="5" t="s">
        <v>1012</v>
      </c>
      <c r="F373" s="7">
        <v>113399</v>
      </c>
      <c r="G373" s="5" t="s">
        <v>858</v>
      </c>
      <c r="H373" s="6" t="s">
        <v>790</v>
      </c>
      <c r="I373" s="8">
        <v>43808</v>
      </c>
    </row>
    <row r="374" spans="1:9" ht="24" x14ac:dyDescent="0.2">
      <c r="A374" s="4">
        <v>43556</v>
      </c>
      <c r="B374" s="5" t="s">
        <v>8</v>
      </c>
      <c r="C374" s="5" t="s">
        <v>993</v>
      </c>
      <c r="D374" s="6" t="s">
        <v>1013</v>
      </c>
      <c r="E374" s="5" t="s">
        <v>1014</v>
      </c>
      <c r="F374" s="7">
        <v>60500</v>
      </c>
      <c r="G374" s="5" t="s">
        <v>419</v>
      </c>
      <c r="H374" s="6" t="s">
        <v>420</v>
      </c>
      <c r="I374" s="8">
        <v>43809</v>
      </c>
    </row>
    <row r="375" spans="1:9" ht="24" x14ac:dyDescent="0.2">
      <c r="A375" s="4">
        <v>43556</v>
      </c>
      <c r="B375" s="5" t="s">
        <v>8</v>
      </c>
      <c r="C375" s="5" t="s">
        <v>993</v>
      </c>
      <c r="D375" s="6" t="s">
        <v>1015</v>
      </c>
      <c r="E375" s="5" t="s">
        <v>1016</v>
      </c>
      <c r="F375" s="7">
        <v>161040</v>
      </c>
      <c r="G375" s="5" t="s">
        <v>1017</v>
      </c>
      <c r="H375" s="6" t="s">
        <v>1018</v>
      </c>
      <c r="I375" s="8">
        <v>43811</v>
      </c>
    </row>
    <row r="376" spans="1:9" ht="24" x14ac:dyDescent="0.2">
      <c r="A376" s="4">
        <v>43556</v>
      </c>
      <c r="B376" s="5" t="s">
        <v>8</v>
      </c>
      <c r="C376" s="5" t="s">
        <v>993</v>
      </c>
      <c r="D376" s="6" t="s">
        <v>1019</v>
      </c>
      <c r="E376" s="5" t="s">
        <v>1020</v>
      </c>
      <c r="F376" s="7">
        <v>22000</v>
      </c>
      <c r="G376" s="5" t="s">
        <v>53</v>
      </c>
      <c r="H376" s="6" t="s">
        <v>54</v>
      </c>
      <c r="I376" s="8">
        <v>43818</v>
      </c>
    </row>
    <row r="377" spans="1:9" ht="24" x14ac:dyDescent="0.2">
      <c r="A377" s="4">
        <v>43556</v>
      </c>
      <c r="B377" s="5" t="s">
        <v>8</v>
      </c>
      <c r="C377" s="5" t="s">
        <v>1021</v>
      </c>
      <c r="D377" s="6" t="s">
        <v>1022</v>
      </c>
      <c r="E377" s="5" t="s">
        <v>908</v>
      </c>
      <c r="F377" s="7">
        <v>57067</v>
      </c>
      <c r="G377" s="5" t="s">
        <v>36</v>
      </c>
      <c r="H377" s="6" t="s">
        <v>37</v>
      </c>
      <c r="I377" s="8">
        <v>43740</v>
      </c>
    </row>
    <row r="378" spans="1:9" ht="24" x14ac:dyDescent="0.2">
      <c r="A378" s="4">
        <v>43556</v>
      </c>
      <c r="B378" s="5" t="s">
        <v>8</v>
      </c>
      <c r="C378" s="5" t="s">
        <v>1021</v>
      </c>
      <c r="D378" s="6" t="s">
        <v>1023</v>
      </c>
      <c r="E378" s="5" t="s">
        <v>1024</v>
      </c>
      <c r="F378" s="7">
        <v>56656</v>
      </c>
      <c r="G378" s="5" t="s">
        <v>1025</v>
      </c>
      <c r="H378" s="6" t="s">
        <v>1026</v>
      </c>
      <c r="I378" s="8">
        <v>43745</v>
      </c>
    </row>
    <row r="379" spans="1:9" ht="24" x14ac:dyDescent="0.2">
      <c r="A379" s="4">
        <v>43556</v>
      </c>
      <c r="B379" s="5" t="s">
        <v>8</v>
      </c>
      <c r="C379" s="5" t="s">
        <v>1021</v>
      </c>
      <c r="D379" s="6" t="s">
        <v>1027</v>
      </c>
      <c r="E379" s="5" t="s">
        <v>1028</v>
      </c>
      <c r="F379" s="7">
        <v>1555</v>
      </c>
      <c r="G379" s="5" t="s">
        <v>1029</v>
      </c>
      <c r="H379" s="6" t="s">
        <v>1030</v>
      </c>
      <c r="I379" s="8">
        <v>43745</v>
      </c>
    </row>
    <row r="380" spans="1:9" ht="24" x14ac:dyDescent="0.2">
      <c r="A380" s="4">
        <v>43556</v>
      </c>
      <c r="B380" s="5" t="s">
        <v>8</v>
      </c>
      <c r="C380" s="5" t="s">
        <v>1021</v>
      </c>
      <c r="D380" s="6" t="s">
        <v>1031</v>
      </c>
      <c r="E380" s="5" t="s">
        <v>1032</v>
      </c>
      <c r="F380" s="7">
        <v>15660</v>
      </c>
      <c r="G380" s="5" t="s">
        <v>264</v>
      </c>
      <c r="H380" s="6" t="s">
        <v>265</v>
      </c>
      <c r="I380" s="8">
        <v>43747</v>
      </c>
    </row>
    <row r="381" spans="1:9" ht="24" x14ac:dyDescent="0.2">
      <c r="A381" s="4">
        <v>43556</v>
      </c>
      <c r="B381" s="5" t="s">
        <v>8</v>
      </c>
      <c r="C381" s="5" t="s">
        <v>1021</v>
      </c>
      <c r="D381" s="6" t="s">
        <v>1033</v>
      </c>
      <c r="E381" s="5" t="s">
        <v>1034</v>
      </c>
      <c r="F381" s="7">
        <v>91806</v>
      </c>
      <c r="G381" s="5" t="s">
        <v>1035</v>
      </c>
      <c r="H381" s="6" t="s">
        <v>1036</v>
      </c>
      <c r="I381" s="8">
        <v>43749</v>
      </c>
    </row>
    <row r="382" spans="1:9" ht="24" x14ac:dyDescent="0.2">
      <c r="A382" s="4">
        <v>43556</v>
      </c>
      <c r="B382" s="5" t="s">
        <v>8</v>
      </c>
      <c r="C382" s="5" t="s">
        <v>1021</v>
      </c>
      <c r="D382" s="6" t="s">
        <v>1037</v>
      </c>
      <c r="E382" s="5" t="s">
        <v>629</v>
      </c>
      <c r="F382" s="7">
        <v>59796</v>
      </c>
      <c r="G382" s="5" t="s">
        <v>36</v>
      </c>
      <c r="H382" s="6" t="s">
        <v>37</v>
      </c>
      <c r="I382" s="8">
        <v>43774</v>
      </c>
    </row>
    <row r="383" spans="1:9" ht="24" x14ac:dyDescent="0.2">
      <c r="A383" s="4">
        <v>43556</v>
      </c>
      <c r="B383" s="5" t="s">
        <v>8</v>
      </c>
      <c r="C383" s="5" t="s">
        <v>1021</v>
      </c>
      <c r="D383" s="6" t="s">
        <v>1038</v>
      </c>
      <c r="E383" s="5" t="s">
        <v>1039</v>
      </c>
      <c r="F383" s="7">
        <v>63838</v>
      </c>
      <c r="G383" s="5" t="s">
        <v>858</v>
      </c>
      <c r="H383" s="6" t="s">
        <v>790</v>
      </c>
      <c r="I383" s="8">
        <v>43775</v>
      </c>
    </row>
    <row r="384" spans="1:9" ht="24" x14ac:dyDescent="0.2">
      <c r="A384" s="4">
        <v>43556</v>
      </c>
      <c r="B384" s="5" t="s">
        <v>8</v>
      </c>
      <c r="C384" s="5" t="s">
        <v>1021</v>
      </c>
      <c r="D384" s="6" t="s">
        <v>1040</v>
      </c>
      <c r="E384" s="5" t="s">
        <v>1041</v>
      </c>
      <c r="F384" s="7">
        <v>4635</v>
      </c>
      <c r="G384" s="5" t="s">
        <v>1029</v>
      </c>
      <c r="H384" s="6" t="s">
        <v>1030</v>
      </c>
      <c r="I384" s="8">
        <v>43775</v>
      </c>
    </row>
    <row r="385" spans="1:9" ht="24" x14ac:dyDescent="0.2">
      <c r="A385" s="4">
        <v>43556</v>
      </c>
      <c r="B385" s="5" t="s">
        <v>8</v>
      </c>
      <c r="C385" s="5" t="s">
        <v>1021</v>
      </c>
      <c r="D385" s="6" t="s">
        <v>1042</v>
      </c>
      <c r="E385" s="5" t="s">
        <v>1043</v>
      </c>
      <c r="F385" s="7">
        <v>43340</v>
      </c>
      <c r="G385" s="5" t="s">
        <v>1044</v>
      </c>
      <c r="H385" s="6" t="s">
        <v>637</v>
      </c>
      <c r="I385" s="8">
        <v>43776</v>
      </c>
    </row>
    <row r="386" spans="1:9" ht="24" x14ac:dyDescent="0.2">
      <c r="A386" s="4">
        <v>43556</v>
      </c>
      <c r="B386" s="5" t="s">
        <v>8</v>
      </c>
      <c r="C386" s="5" t="s">
        <v>1021</v>
      </c>
      <c r="D386" s="6" t="s">
        <v>1045</v>
      </c>
      <c r="E386" s="5" t="s">
        <v>1046</v>
      </c>
      <c r="F386" s="7">
        <v>9900</v>
      </c>
      <c r="G386" s="5" t="s">
        <v>1029</v>
      </c>
      <c r="H386" s="6" t="s">
        <v>1030</v>
      </c>
      <c r="I386" s="8">
        <v>43788</v>
      </c>
    </row>
    <row r="387" spans="1:9" ht="24" x14ac:dyDescent="0.2">
      <c r="A387" s="4">
        <v>43556</v>
      </c>
      <c r="B387" s="5" t="s">
        <v>8</v>
      </c>
      <c r="C387" s="5" t="s">
        <v>1021</v>
      </c>
      <c r="D387" s="6" t="s">
        <v>1047</v>
      </c>
      <c r="E387" s="5" t="s">
        <v>786</v>
      </c>
      <c r="F387" s="7">
        <v>61590</v>
      </c>
      <c r="G387" s="5" t="s">
        <v>36</v>
      </c>
      <c r="H387" s="6" t="s">
        <v>37</v>
      </c>
      <c r="I387" s="8">
        <v>43802</v>
      </c>
    </row>
    <row r="388" spans="1:9" ht="24" x14ac:dyDescent="0.2">
      <c r="A388" s="4">
        <v>43556</v>
      </c>
      <c r="B388" s="5" t="s">
        <v>8</v>
      </c>
      <c r="C388" s="5" t="s">
        <v>1021</v>
      </c>
      <c r="D388" s="6" t="s">
        <v>1048</v>
      </c>
      <c r="E388" s="5" t="s">
        <v>1049</v>
      </c>
      <c r="F388" s="7">
        <v>12760</v>
      </c>
      <c r="G388" s="5" t="s">
        <v>264</v>
      </c>
      <c r="H388" s="6" t="s">
        <v>265</v>
      </c>
      <c r="I388" s="8">
        <v>43804</v>
      </c>
    </row>
    <row r="389" spans="1:9" ht="24" x14ac:dyDescent="0.2">
      <c r="A389" s="4">
        <v>43556</v>
      </c>
      <c r="B389" s="5" t="s">
        <v>8</v>
      </c>
      <c r="C389" s="5" t="s">
        <v>1021</v>
      </c>
      <c r="D389" s="6" t="s">
        <v>1050</v>
      </c>
      <c r="E389" s="5" t="s">
        <v>1051</v>
      </c>
      <c r="F389" s="7">
        <v>44352</v>
      </c>
      <c r="G389" s="5" t="s">
        <v>858</v>
      </c>
      <c r="H389" s="6" t="s">
        <v>790</v>
      </c>
      <c r="I389" s="8">
        <v>43810</v>
      </c>
    </row>
    <row r="390" spans="1:9" ht="24" x14ac:dyDescent="0.2">
      <c r="A390" s="4">
        <v>43556</v>
      </c>
      <c r="B390" s="5" t="s">
        <v>8</v>
      </c>
      <c r="C390" s="5" t="s">
        <v>1021</v>
      </c>
      <c r="D390" s="6" t="s">
        <v>1052</v>
      </c>
      <c r="E390" s="5" t="s">
        <v>1053</v>
      </c>
      <c r="F390" s="7">
        <v>19140</v>
      </c>
      <c r="G390" s="5" t="s">
        <v>1029</v>
      </c>
      <c r="H390" s="6" t="s">
        <v>1030</v>
      </c>
      <c r="I390" s="8">
        <v>43815</v>
      </c>
    </row>
    <row r="391" spans="1:9" ht="24" x14ac:dyDescent="0.2">
      <c r="A391" s="4">
        <v>43556</v>
      </c>
      <c r="B391" s="5" t="s">
        <v>8</v>
      </c>
      <c r="C391" s="5" t="s">
        <v>1021</v>
      </c>
      <c r="D391" s="6" t="s">
        <v>1054</v>
      </c>
      <c r="E391" s="5" t="s">
        <v>1055</v>
      </c>
      <c r="F391" s="7">
        <v>2310</v>
      </c>
      <c r="G391" s="5" t="s">
        <v>1029</v>
      </c>
      <c r="H391" s="6" t="s">
        <v>1030</v>
      </c>
      <c r="I391" s="8">
        <v>43817</v>
      </c>
    </row>
    <row r="392" spans="1:9" ht="24" x14ac:dyDescent="0.2">
      <c r="A392" s="4">
        <v>43556</v>
      </c>
      <c r="B392" s="5" t="s">
        <v>8</v>
      </c>
      <c r="C392" s="5" t="s">
        <v>1056</v>
      </c>
      <c r="D392" s="6" t="s">
        <v>1057</v>
      </c>
      <c r="E392" s="5" t="s">
        <v>1058</v>
      </c>
      <c r="F392" s="7">
        <v>100580</v>
      </c>
      <c r="G392" s="5" t="s">
        <v>1059</v>
      </c>
      <c r="H392" s="6" t="s">
        <v>37</v>
      </c>
      <c r="I392" s="8">
        <v>43742</v>
      </c>
    </row>
    <row r="393" spans="1:9" ht="24" x14ac:dyDescent="0.2">
      <c r="A393" s="4">
        <v>43556</v>
      </c>
      <c r="B393" s="5" t="s">
        <v>8</v>
      </c>
      <c r="C393" s="5" t="s">
        <v>1056</v>
      </c>
      <c r="D393" s="6" t="s">
        <v>1060</v>
      </c>
      <c r="E393" s="5" t="s">
        <v>1061</v>
      </c>
      <c r="F393" s="7">
        <v>101044</v>
      </c>
      <c r="G393" s="5" t="s">
        <v>1025</v>
      </c>
      <c r="H393" s="6" t="s">
        <v>1026</v>
      </c>
      <c r="I393" s="8">
        <v>43747</v>
      </c>
    </row>
    <row r="394" spans="1:9" ht="24" x14ac:dyDescent="0.2">
      <c r="A394" s="4">
        <v>43556</v>
      </c>
      <c r="B394" s="5" t="s">
        <v>8</v>
      </c>
      <c r="C394" s="5" t="s">
        <v>1056</v>
      </c>
      <c r="D394" s="6" t="s">
        <v>1062</v>
      </c>
      <c r="E394" s="5" t="s">
        <v>1063</v>
      </c>
      <c r="F394" s="7">
        <v>66330</v>
      </c>
      <c r="G394" s="5" t="s">
        <v>1064</v>
      </c>
      <c r="H394" s="6" t="s">
        <v>1065</v>
      </c>
      <c r="I394" s="8">
        <v>43762</v>
      </c>
    </row>
    <row r="395" spans="1:9" ht="24" x14ac:dyDescent="0.2">
      <c r="A395" s="4">
        <v>43556</v>
      </c>
      <c r="B395" s="5" t="s">
        <v>8</v>
      </c>
      <c r="C395" s="5" t="s">
        <v>1056</v>
      </c>
      <c r="D395" s="6" t="s">
        <v>1066</v>
      </c>
      <c r="E395" s="5" t="s">
        <v>1067</v>
      </c>
      <c r="F395" s="7">
        <v>105160</v>
      </c>
      <c r="G395" s="5" t="s">
        <v>1025</v>
      </c>
      <c r="H395" s="6" t="s">
        <v>1026</v>
      </c>
      <c r="I395" s="8">
        <v>43777</v>
      </c>
    </row>
    <row r="396" spans="1:9" ht="24" x14ac:dyDescent="0.2">
      <c r="A396" s="4">
        <v>43556</v>
      </c>
      <c r="B396" s="5" t="s">
        <v>8</v>
      </c>
      <c r="C396" s="5" t="s">
        <v>1056</v>
      </c>
      <c r="D396" s="6" t="s">
        <v>1068</v>
      </c>
      <c r="E396" s="5" t="s">
        <v>856</v>
      </c>
      <c r="F396" s="7">
        <v>77854</v>
      </c>
      <c r="G396" s="5" t="s">
        <v>1059</v>
      </c>
      <c r="H396" s="6" t="s">
        <v>37</v>
      </c>
      <c r="I396" s="8">
        <v>43777</v>
      </c>
    </row>
    <row r="397" spans="1:9" ht="24" x14ac:dyDescent="0.2">
      <c r="A397" s="4">
        <v>43556</v>
      </c>
      <c r="B397" s="5" t="s">
        <v>8</v>
      </c>
      <c r="C397" s="5" t="s">
        <v>1056</v>
      </c>
      <c r="D397" s="6" t="s">
        <v>1069</v>
      </c>
      <c r="E397" s="5" t="s">
        <v>631</v>
      </c>
      <c r="F397" s="7">
        <v>20240</v>
      </c>
      <c r="G397" s="5" t="s">
        <v>1070</v>
      </c>
      <c r="H397" s="6" t="s">
        <v>255</v>
      </c>
      <c r="I397" s="8">
        <v>43777</v>
      </c>
    </row>
    <row r="398" spans="1:9" ht="36" x14ac:dyDescent="0.2">
      <c r="A398" s="4">
        <v>43556</v>
      </c>
      <c r="B398" s="5" t="s">
        <v>8</v>
      </c>
      <c r="C398" s="5" t="s">
        <v>1056</v>
      </c>
      <c r="D398" s="6" t="s">
        <v>1071</v>
      </c>
      <c r="E398" s="5" t="s">
        <v>1072</v>
      </c>
      <c r="F398" s="7">
        <v>2860</v>
      </c>
      <c r="G398" s="5" t="s">
        <v>1073</v>
      </c>
      <c r="H398" s="6" t="s">
        <v>1074</v>
      </c>
      <c r="I398" s="8">
        <v>43795</v>
      </c>
    </row>
    <row r="399" spans="1:9" ht="24" x14ac:dyDescent="0.2">
      <c r="A399" s="4">
        <v>43556</v>
      </c>
      <c r="B399" s="5" t="s">
        <v>8</v>
      </c>
      <c r="C399" s="5" t="s">
        <v>1056</v>
      </c>
      <c r="D399" s="6" t="s">
        <v>1075</v>
      </c>
      <c r="E399" s="5" t="s">
        <v>1076</v>
      </c>
      <c r="F399" s="7">
        <v>6996</v>
      </c>
      <c r="G399" s="5" t="s">
        <v>1077</v>
      </c>
      <c r="H399" s="6" t="s">
        <v>1078</v>
      </c>
      <c r="I399" s="8">
        <v>43796</v>
      </c>
    </row>
    <row r="400" spans="1:9" ht="24" x14ac:dyDescent="0.2">
      <c r="A400" s="4">
        <v>43556</v>
      </c>
      <c r="B400" s="5" t="s">
        <v>8</v>
      </c>
      <c r="C400" s="5" t="s">
        <v>1056</v>
      </c>
      <c r="D400" s="6" t="s">
        <v>1079</v>
      </c>
      <c r="E400" s="5" t="s">
        <v>650</v>
      </c>
      <c r="F400" s="7">
        <v>73865</v>
      </c>
      <c r="G400" s="5" t="s">
        <v>1059</v>
      </c>
      <c r="H400" s="6" t="s">
        <v>37</v>
      </c>
      <c r="I400" s="8">
        <v>43803</v>
      </c>
    </row>
    <row r="401" spans="1:9" ht="24" x14ac:dyDescent="0.2">
      <c r="A401" s="4">
        <v>43556</v>
      </c>
      <c r="B401" s="5" t="s">
        <v>8</v>
      </c>
      <c r="C401" s="5" t="s">
        <v>1056</v>
      </c>
      <c r="D401" s="6" t="s">
        <v>1080</v>
      </c>
      <c r="E401" s="5" t="s">
        <v>1010</v>
      </c>
      <c r="F401" s="7">
        <v>20240</v>
      </c>
      <c r="G401" s="5" t="s">
        <v>1070</v>
      </c>
      <c r="H401" s="6" t="s">
        <v>255</v>
      </c>
      <c r="I401" s="8">
        <v>43804</v>
      </c>
    </row>
    <row r="402" spans="1:9" ht="24" x14ac:dyDescent="0.2">
      <c r="A402" s="4">
        <v>43556</v>
      </c>
      <c r="B402" s="5" t="s">
        <v>8</v>
      </c>
      <c r="C402" s="5" t="s">
        <v>1056</v>
      </c>
      <c r="D402" s="6" t="s">
        <v>1081</v>
      </c>
      <c r="E402" s="5" t="s">
        <v>1082</v>
      </c>
      <c r="F402" s="7">
        <v>70422</v>
      </c>
      <c r="G402" s="5" t="s">
        <v>328</v>
      </c>
      <c r="H402" s="6" t="s">
        <v>329</v>
      </c>
      <c r="I402" s="8">
        <v>43810</v>
      </c>
    </row>
    <row r="403" spans="1:9" ht="24" x14ac:dyDescent="0.2">
      <c r="A403" s="4">
        <v>43556</v>
      </c>
      <c r="B403" s="5" t="s">
        <v>8</v>
      </c>
      <c r="C403" s="5" t="s">
        <v>1056</v>
      </c>
      <c r="D403" s="6" t="s">
        <v>1083</v>
      </c>
      <c r="E403" s="5" t="s">
        <v>1084</v>
      </c>
      <c r="F403" s="7">
        <v>70400</v>
      </c>
      <c r="G403" s="5" t="s">
        <v>1085</v>
      </c>
      <c r="H403" s="6" t="s">
        <v>333</v>
      </c>
      <c r="I403" s="8">
        <v>43817</v>
      </c>
    </row>
    <row r="404" spans="1:9" ht="24" x14ac:dyDescent="0.2">
      <c r="A404" s="4">
        <v>43556</v>
      </c>
      <c r="B404" s="5" t="s">
        <v>8</v>
      </c>
      <c r="C404" s="5" t="s">
        <v>1056</v>
      </c>
      <c r="D404" s="6" t="s">
        <v>1086</v>
      </c>
      <c r="E404" s="5" t="s">
        <v>1087</v>
      </c>
      <c r="F404" s="7">
        <v>107470</v>
      </c>
      <c r="G404" s="5" t="s">
        <v>1025</v>
      </c>
      <c r="H404" s="6" t="s">
        <v>1026</v>
      </c>
      <c r="I404" s="8">
        <v>43819</v>
      </c>
    </row>
    <row r="405" spans="1:9" ht="24" x14ac:dyDescent="0.2">
      <c r="A405" s="4">
        <v>43556</v>
      </c>
      <c r="B405" s="5" t="s">
        <v>8</v>
      </c>
      <c r="C405" s="5" t="s">
        <v>1056</v>
      </c>
      <c r="D405" s="6" t="s">
        <v>1088</v>
      </c>
      <c r="E405" s="5" t="s">
        <v>1089</v>
      </c>
      <c r="F405" s="7">
        <v>64944</v>
      </c>
      <c r="G405" s="5" t="s">
        <v>1090</v>
      </c>
      <c r="H405" s="6" t="s">
        <v>1091</v>
      </c>
      <c r="I405" s="8">
        <v>43822</v>
      </c>
    </row>
    <row r="406" spans="1:9" ht="24" x14ac:dyDescent="0.2">
      <c r="A406" s="4">
        <v>43556</v>
      </c>
      <c r="B406" s="5" t="s">
        <v>8</v>
      </c>
      <c r="C406" s="5" t="s">
        <v>1056</v>
      </c>
      <c r="D406" s="6" t="s">
        <v>1092</v>
      </c>
      <c r="E406" s="5" t="s">
        <v>1093</v>
      </c>
      <c r="F406" s="7">
        <v>87798</v>
      </c>
      <c r="G406" s="5" t="s">
        <v>1077</v>
      </c>
      <c r="H406" s="6" t="s">
        <v>1078</v>
      </c>
      <c r="I406" s="8">
        <v>43822</v>
      </c>
    </row>
    <row r="407" spans="1:9" ht="24" x14ac:dyDescent="0.2">
      <c r="A407" s="4">
        <v>43556</v>
      </c>
      <c r="B407" s="5" t="s">
        <v>8</v>
      </c>
      <c r="C407" s="5" t="s">
        <v>1094</v>
      </c>
      <c r="D407" s="6" t="s">
        <v>1095</v>
      </c>
      <c r="E407" s="5" t="s">
        <v>1096</v>
      </c>
      <c r="F407" s="7">
        <v>112093</v>
      </c>
      <c r="G407" s="5" t="s">
        <v>117</v>
      </c>
      <c r="H407" s="6" t="s">
        <v>118</v>
      </c>
      <c r="I407" s="8">
        <v>43741</v>
      </c>
    </row>
    <row r="408" spans="1:9" ht="24" x14ac:dyDescent="0.2">
      <c r="A408" s="4">
        <v>43556</v>
      </c>
      <c r="B408" s="5" t="s">
        <v>8</v>
      </c>
      <c r="C408" s="5" t="s">
        <v>1094</v>
      </c>
      <c r="D408" s="6" t="s">
        <v>1097</v>
      </c>
      <c r="E408" s="5" t="s">
        <v>1098</v>
      </c>
      <c r="F408" s="7">
        <v>10281</v>
      </c>
      <c r="G408" s="5" t="s">
        <v>254</v>
      </c>
      <c r="H408" s="6" t="s">
        <v>255</v>
      </c>
      <c r="I408" s="8">
        <v>43742</v>
      </c>
    </row>
    <row r="409" spans="1:9" ht="24" x14ac:dyDescent="0.2">
      <c r="A409" s="4">
        <v>43556</v>
      </c>
      <c r="B409" s="5" t="s">
        <v>8</v>
      </c>
      <c r="C409" s="5" t="s">
        <v>1094</v>
      </c>
      <c r="D409" s="6" t="s">
        <v>1099</v>
      </c>
      <c r="E409" s="5" t="s">
        <v>1100</v>
      </c>
      <c r="F409" s="7">
        <v>28026</v>
      </c>
      <c r="G409" s="5" t="s">
        <v>877</v>
      </c>
      <c r="H409" s="6" t="s">
        <v>637</v>
      </c>
      <c r="I409" s="8">
        <v>43742</v>
      </c>
    </row>
    <row r="410" spans="1:9" ht="24" x14ac:dyDescent="0.2">
      <c r="A410" s="4">
        <v>43556</v>
      </c>
      <c r="B410" s="5" t="s">
        <v>8</v>
      </c>
      <c r="C410" s="5" t="s">
        <v>1094</v>
      </c>
      <c r="D410" s="6" t="s">
        <v>1101</v>
      </c>
      <c r="E410" s="5" t="s">
        <v>1102</v>
      </c>
      <c r="F410" s="7">
        <v>55339</v>
      </c>
      <c r="G410" s="5" t="s">
        <v>36</v>
      </c>
      <c r="H410" s="6" t="s">
        <v>37</v>
      </c>
      <c r="I410" s="8">
        <v>43745</v>
      </c>
    </row>
    <row r="411" spans="1:9" ht="24" x14ac:dyDescent="0.2">
      <c r="A411" s="4">
        <v>43556</v>
      </c>
      <c r="B411" s="5" t="s">
        <v>8</v>
      </c>
      <c r="C411" s="5" t="s">
        <v>1094</v>
      </c>
      <c r="D411" s="6" t="s">
        <v>1103</v>
      </c>
      <c r="E411" s="5" t="s">
        <v>1104</v>
      </c>
      <c r="F411" s="7">
        <v>42020</v>
      </c>
      <c r="G411" s="5" t="s">
        <v>202</v>
      </c>
      <c r="H411" s="6" t="s">
        <v>203</v>
      </c>
      <c r="I411" s="8">
        <v>43749</v>
      </c>
    </row>
    <row r="412" spans="1:9" ht="24" x14ac:dyDescent="0.2">
      <c r="A412" s="4">
        <v>43556</v>
      </c>
      <c r="B412" s="5" t="s">
        <v>8</v>
      </c>
      <c r="C412" s="5" t="s">
        <v>1094</v>
      </c>
      <c r="D412" s="6" t="s">
        <v>1105</v>
      </c>
      <c r="E412" s="5" t="s">
        <v>1106</v>
      </c>
      <c r="F412" s="7">
        <v>41580</v>
      </c>
      <c r="G412" s="5" t="s">
        <v>672</v>
      </c>
      <c r="H412" s="6" t="s">
        <v>658</v>
      </c>
      <c r="I412" s="8">
        <v>43756</v>
      </c>
    </row>
    <row r="413" spans="1:9" ht="24" x14ac:dyDescent="0.2">
      <c r="A413" s="4">
        <v>43556</v>
      </c>
      <c r="B413" s="5" t="s">
        <v>8</v>
      </c>
      <c r="C413" s="5" t="s">
        <v>1094</v>
      </c>
      <c r="D413" s="6" t="s">
        <v>1107</v>
      </c>
      <c r="E413" s="5" t="s">
        <v>1108</v>
      </c>
      <c r="F413" s="7">
        <v>31185</v>
      </c>
      <c r="G413" s="5" t="s">
        <v>117</v>
      </c>
      <c r="H413" s="6" t="s">
        <v>118</v>
      </c>
      <c r="I413" s="8">
        <v>43763</v>
      </c>
    </row>
    <row r="414" spans="1:9" ht="24" x14ac:dyDescent="0.2">
      <c r="A414" s="4">
        <v>43556</v>
      </c>
      <c r="B414" s="5" t="s">
        <v>8</v>
      </c>
      <c r="C414" s="5" t="s">
        <v>1094</v>
      </c>
      <c r="D414" s="6" t="s">
        <v>1109</v>
      </c>
      <c r="E414" s="5" t="s">
        <v>1110</v>
      </c>
      <c r="F414" s="7">
        <v>1343760</v>
      </c>
      <c r="G414" s="5" t="s">
        <v>1111</v>
      </c>
      <c r="H414" s="6" t="s">
        <v>1112</v>
      </c>
      <c r="I414" s="8">
        <v>43769</v>
      </c>
    </row>
    <row r="415" spans="1:9" ht="24" x14ac:dyDescent="0.2">
      <c r="A415" s="4">
        <v>43556</v>
      </c>
      <c r="B415" s="5" t="s">
        <v>8</v>
      </c>
      <c r="C415" s="5" t="s">
        <v>1094</v>
      </c>
      <c r="D415" s="6" t="s">
        <v>1113</v>
      </c>
      <c r="E415" s="5" t="s">
        <v>1114</v>
      </c>
      <c r="F415" s="7">
        <v>25223</v>
      </c>
      <c r="G415" s="5" t="s">
        <v>117</v>
      </c>
      <c r="H415" s="6" t="s">
        <v>118</v>
      </c>
      <c r="I415" s="8">
        <v>43775</v>
      </c>
    </row>
    <row r="416" spans="1:9" ht="24" x14ac:dyDescent="0.2">
      <c r="A416" s="4">
        <v>43556</v>
      </c>
      <c r="B416" s="5" t="s">
        <v>8</v>
      </c>
      <c r="C416" s="5" t="s">
        <v>1094</v>
      </c>
      <c r="D416" s="6" t="s">
        <v>1115</v>
      </c>
      <c r="E416" s="5" t="s">
        <v>629</v>
      </c>
      <c r="F416" s="7">
        <v>44319</v>
      </c>
      <c r="G416" s="5" t="s">
        <v>36</v>
      </c>
      <c r="H416" s="6" t="s">
        <v>37</v>
      </c>
      <c r="I416" s="8">
        <v>43776</v>
      </c>
    </row>
    <row r="417" spans="1:9" ht="24" x14ac:dyDescent="0.2">
      <c r="A417" s="4">
        <v>43556</v>
      </c>
      <c r="B417" s="5" t="s">
        <v>8</v>
      </c>
      <c r="C417" s="5" t="s">
        <v>1094</v>
      </c>
      <c r="D417" s="6" t="s">
        <v>1116</v>
      </c>
      <c r="E417" s="5" t="s">
        <v>771</v>
      </c>
      <c r="F417" s="7">
        <v>19063</v>
      </c>
      <c r="G417" s="5" t="s">
        <v>36</v>
      </c>
      <c r="H417" s="6" t="s">
        <v>37</v>
      </c>
      <c r="I417" s="8">
        <v>43777</v>
      </c>
    </row>
    <row r="418" spans="1:9" ht="24" x14ac:dyDescent="0.2">
      <c r="A418" s="4">
        <v>43556</v>
      </c>
      <c r="B418" s="5" t="s">
        <v>8</v>
      </c>
      <c r="C418" s="5" t="s">
        <v>1094</v>
      </c>
      <c r="D418" s="6" t="s">
        <v>1117</v>
      </c>
      <c r="E418" s="5" t="s">
        <v>1118</v>
      </c>
      <c r="F418" s="7">
        <v>15895</v>
      </c>
      <c r="G418" s="5" t="s">
        <v>254</v>
      </c>
      <c r="H418" s="6" t="s">
        <v>255</v>
      </c>
      <c r="I418" s="8">
        <v>43777</v>
      </c>
    </row>
    <row r="419" spans="1:9" ht="24" x14ac:dyDescent="0.2">
      <c r="A419" s="4">
        <v>43556</v>
      </c>
      <c r="B419" s="5" t="s">
        <v>8</v>
      </c>
      <c r="C419" s="5" t="s">
        <v>1094</v>
      </c>
      <c r="D419" s="6" t="s">
        <v>1119</v>
      </c>
      <c r="E419" s="5" t="s">
        <v>1120</v>
      </c>
      <c r="F419" s="7">
        <v>25080</v>
      </c>
      <c r="G419" s="5" t="s">
        <v>1121</v>
      </c>
      <c r="H419" s="6" t="s">
        <v>207</v>
      </c>
      <c r="I419" s="8">
        <v>43782</v>
      </c>
    </row>
    <row r="420" spans="1:9" ht="24" x14ac:dyDescent="0.2">
      <c r="A420" s="4">
        <v>43556</v>
      </c>
      <c r="B420" s="5" t="s">
        <v>8</v>
      </c>
      <c r="C420" s="5" t="s">
        <v>1094</v>
      </c>
      <c r="D420" s="6" t="s">
        <v>1122</v>
      </c>
      <c r="E420" s="5" t="s">
        <v>1123</v>
      </c>
      <c r="F420" s="7">
        <v>47047</v>
      </c>
      <c r="G420" s="5" t="s">
        <v>877</v>
      </c>
      <c r="H420" s="6" t="s">
        <v>637</v>
      </c>
      <c r="I420" s="8">
        <v>43784</v>
      </c>
    </row>
    <row r="421" spans="1:9" ht="24" x14ac:dyDescent="0.2">
      <c r="A421" s="4">
        <v>43556</v>
      </c>
      <c r="B421" s="5" t="s">
        <v>8</v>
      </c>
      <c r="C421" s="5" t="s">
        <v>1094</v>
      </c>
      <c r="D421" s="6" t="s">
        <v>1124</v>
      </c>
      <c r="E421" s="5" t="s">
        <v>1125</v>
      </c>
      <c r="F421" s="7">
        <v>49500</v>
      </c>
      <c r="G421" s="5" t="s">
        <v>254</v>
      </c>
      <c r="H421" s="6" t="s">
        <v>255</v>
      </c>
      <c r="I421" s="8">
        <v>43803</v>
      </c>
    </row>
    <row r="422" spans="1:9" ht="24" x14ac:dyDescent="0.2">
      <c r="A422" s="4">
        <v>43556</v>
      </c>
      <c r="B422" s="5" t="s">
        <v>8</v>
      </c>
      <c r="C422" s="5" t="s">
        <v>1094</v>
      </c>
      <c r="D422" s="6" t="s">
        <v>1126</v>
      </c>
      <c r="E422" s="5" t="s">
        <v>654</v>
      </c>
      <c r="F422" s="7">
        <v>35761</v>
      </c>
      <c r="G422" s="5" t="s">
        <v>36</v>
      </c>
      <c r="H422" s="6" t="s">
        <v>37</v>
      </c>
      <c r="I422" s="8">
        <v>43804</v>
      </c>
    </row>
    <row r="423" spans="1:9" ht="24" x14ac:dyDescent="0.2">
      <c r="A423" s="4">
        <v>43556</v>
      </c>
      <c r="B423" s="5" t="s">
        <v>8</v>
      </c>
      <c r="C423" s="5" t="s">
        <v>1094</v>
      </c>
      <c r="D423" s="6" t="s">
        <v>1127</v>
      </c>
      <c r="E423" s="5" t="s">
        <v>1128</v>
      </c>
      <c r="F423" s="7">
        <v>29337</v>
      </c>
      <c r="G423" s="5" t="s">
        <v>254</v>
      </c>
      <c r="H423" s="6" t="s">
        <v>255</v>
      </c>
      <c r="I423" s="8">
        <v>43809</v>
      </c>
    </row>
    <row r="424" spans="1:9" x14ac:dyDescent="0.2">
      <c r="A424" s="4">
        <v>43556</v>
      </c>
      <c r="B424" s="5" t="s">
        <v>8</v>
      </c>
      <c r="C424" s="5" t="s">
        <v>1129</v>
      </c>
      <c r="D424" s="6" t="s">
        <v>1130</v>
      </c>
      <c r="E424" s="5" t="s">
        <v>1131</v>
      </c>
      <c r="F424" s="7">
        <v>35850</v>
      </c>
      <c r="G424" s="5" t="s">
        <v>1132</v>
      </c>
      <c r="H424" s="6" t="s">
        <v>790</v>
      </c>
      <c r="I424" s="8">
        <v>43746</v>
      </c>
    </row>
    <row r="425" spans="1:9" x14ac:dyDescent="0.2">
      <c r="A425" s="4">
        <v>43556</v>
      </c>
      <c r="B425" s="5" t="s">
        <v>8</v>
      </c>
      <c r="C425" s="5" t="s">
        <v>1129</v>
      </c>
      <c r="D425" s="6" t="s">
        <v>1133</v>
      </c>
      <c r="E425" s="5" t="s">
        <v>1134</v>
      </c>
      <c r="F425" s="7">
        <v>142597</v>
      </c>
      <c r="G425" s="5" t="s">
        <v>1132</v>
      </c>
      <c r="H425" s="6" t="s">
        <v>790</v>
      </c>
      <c r="I425" s="8">
        <v>43746</v>
      </c>
    </row>
    <row r="426" spans="1:9" ht="24" x14ac:dyDescent="0.2">
      <c r="A426" s="4">
        <v>43556</v>
      </c>
      <c r="B426" s="5" t="s">
        <v>8</v>
      </c>
      <c r="C426" s="5" t="s">
        <v>1129</v>
      </c>
      <c r="D426" s="6" t="s">
        <v>1135</v>
      </c>
      <c r="E426" s="5" t="s">
        <v>1136</v>
      </c>
      <c r="F426" s="7">
        <v>153654</v>
      </c>
      <c r="G426" s="5" t="s">
        <v>36</v>
      </c>
      <c r="H426" s="6" t="s">
        <v>37</v>
      </c>
      <c r="I426" s="8">
        <v>43755</v>
      </c>
    </row>
    <row r="427" spans="1:9" ht="24" x14ac:dyDescent="0.2">
      <c r="A427" s="4">
        <v>43556</v>
      </c>
      <c r="B427" s="5" t="s">
        <v>8</v>
      </c>
      <c r="C427" s="5" t="s">
        <v>1129</v>
      </c>
      <c r="D427" s="6" t="s">
        <v>1137</v>
      </c>
      <c r="E427" s="5" t="s">
        <v>1138</v>
      </c>
      <c r="F427" s="7">
        <v>72565</v>
      </c>
      <c r="G427" s="5" t="s">
        <v>509</v>
      </c>
      <c r="H427" s="6" t="s">
        <v>510</v>
      </c>
      <c r="I427" s="8">
        <v>43756</v>
      </c>
    </row>
    <row r="428" spans="1:9" ht="24" x14ac:dyDescent="0.2">
      <c r="A428" s="4">
        <v>43556</v>
      </c>
      <c r="B428" s="5" t="s">
        <v>8</v>
      </c>
      <c r="C428" s="5" t="s">
        <v>1129</v>
      </c>
      <c r="D428" s="6" t="s">
        <v>1139</v>
      </c>
      <c r="E428" s="5" t="s">
        <v>1140</v>
      </c>
      <c r="F428" s="7">
        <v>28771</v>
      </c>
      <c r="G428" s="5" t="s">
        <v>625</v>
      </c>
      <c r="H428" s="6" t="s">
        <v>265</v>
      </c>
      <c r="I428" s="8">
        <v>43761</v>
      </c>
    </row>
    <row r="429" spans="1:9" x14ac:dyDescent="0.2">
      <c r="A429" s="4">
        <v>43556</v>
      </c>
      <c r="B429" s="5" t="s">
        <v>8</v>
      </c>
      <c r="C429" s="5" t="s">
        <v>1129</v>
      </c>
      <c r="D429" s="6" t="s">
        <v>1141</v>
      </c>
      <c r="E429" s="5" t="s">
        <v>1142</v>
      </c>
      <c r="F429" s="7">
        <v>49830</v>
      </c>
      <c r="G429" s="5" t="s">
        <v>1132</v>
      </c>
      <c r="H429" s="6" t="s">
        <v>790</v>
      </c>
      <c r="I429" s="8">
        <v>43763</v>
      </c>
    </row>
    <row r="430" spans="1:9" ht="24" x14ac:dyDescent="0.2">
      <c r="A430" s="4">
        <v>43556</v>
      </c>
      <c r="B430" s="5" t="s">
        <v>8</v>
      </c>
      <c r="C430" s="5" t="s">
        <v>1129</v>
      </c>
      <c r="D430" s="6" t="s">
        <v>1143</v>
      </c>
      <c r="E430" s="5" t="s">
        <v>629</v>
      </c>
      <c r="F430" s="7">
        <v>134541</v>
      </c>
      <c r="G430" s="5" t="s">
        <v>36</v>
      </c>
      <c r="H430" s="6" t="s">
        <v>37</v>
      </c>
      <c r="I430" s="8">
        <v>43781</v>
      </c>
    </row>
    <row r="431" spans="1:9" ht="24" x14ac:dyDescent="0.2">
      <c r="A431" s="4">
        <v>43556</v>
      </c>
      <c r="B431" s="5" t="s">
        <v>8</v>
      </c>
      <c r="C431" s="5" t="s">
        <v>1129</v>
      </c>
      <c r="D431" s="6" t="s">
        <v>1144</v>
      </c>
      <c r="E431" s="5" t="s">
        <v>1145</v>
      </c>
      <c r="F431" s="7">
        <v>29304</v>
      </c>
      <c r="G431" s="5" t="s">
        <v>625</v>
      </c>
      <c r="H431" s="6" t="s">
        <v>265</v>
      </c>
      <c r="I431" s="8">
        <v>43796</v>
      </c>
    </row>
    <row r="432" spans="1:9" ht="24" x14ac:dyDescent="0.2">
      <c r="A432" s="4">
        <v>43556</v>
      </c>
      <c r="B432" s="5" t="s">
        <v>8</v>
      </c>
      <c r="C432" s="5" t="s">
        <v>1129</v>
      </c>
      <c r="D432" s="6" t="s">
        <v>1146</v>
      </c>
      <c r="E432" s="5" t="s">
        <v>1147</v>
      </c>
      <c r="F432" s="7">
        <v>48118</v>
      </c>
      <c r="G432" s="5" t="s">
        <v>224</v>
      </c>
      <c r="H432" s="6" t="s">
        <v>225</v>
      </c>
      <c r="I432" s="8">
        <v>43798</v>
      </c>
    </row>
    <row r="433" spans="1:9" ht="24" x14ac:dyDescent="0.2">
      <c r="A433" s="4">
        <v>43556</v>
      </c>
      <c r="B433" s="5" t="s">
        <v>8</v>
      </c>
      <c r="C433" s="5" t="s">
        <v>1129</v>
      </c>
      <c r="D433" s="6" t="s">
        <v>1148</v>
      </c>
      <c r="E433" s="5" t="s">
        <v>786</v>
      </c>
      <c r="F433" s="7">
        <v>149490</v>
      </c>
      <c r="G433" s="5" t="s">
        <v>36</v>
      </c>
      <c r="H433" s="6" t="s">
        <v>37</v>
      </c>
      <c r="I433" s="8">
        <v>43805</v>
      </c>
    </row>
    <row r="434" spans="1:9" ht="24" x14ac:dyDescent="0.2">
      <c r="A434" s="4">
        <v>43556</v>
      </c>
      <c r="B434" s="5" t="s">
        <v>8</v>
      </c>
      <c r="C434" s="5" t="s">
        <v>1129</v>
      </c>
      <c r="D434" s="6" t="s">
        <v>1149</v>
      </c>
      <c r="E434" s="5" t="s">
        <v>1150</v>
      </c>
      <c r="F434" s="7">
        <v>29304</v>
      </c>
      <c r="G434" s="5" t="s">
        <v>625</v>
      </c>
      <c r="H434" s="6" t="s">
        <v>265</v>
      </c>
      <c r="I434" s="8">
        <v>43809</v>
      </c>
    </row>
    <row r="435" spans="1:9" ht="24" x14ac:dyDescent="0.2">
      <c r="A435" s="4">
        <v>43556</v>
      </c>
      <c r="B435" s="5" t="s">
        <v>8</v>
      </c>
      <c r="C435" s="5" t="s">
        <v>1129</v>
      </c>
      <c r="D435" s="6" t="s">
        <v>1151</v>
      </c>
      <c r="E435" s="5" t="s">
        <v>1152</v>
      </c>
      <c r="F435" s="7">
        <v>307318</v>
      </c>
      <c r="G435" s="5" t="s">
        <v>774</v>
      </c>
      <c r="H435" s="6" t="s">
        <v>775</v>
      </c>
      <c r="I435" s="8">
        <v>43809</v>
      </c>
    </row>
    <row r="436" spans="1:9" x14ac:dyDescent="0.2">
      <c r="A436" s="4">
        <v>43556</v>
      </c>
      <c r="B436" s="5" t="s">
        <v>8</v>
      </c>
      <c r="C436" s="5" t="s">
        <v>1129</v>
      </c>
      <c r="D436" s="6" t="s">
        <v>1153</v>
      </c>
      <c r="E436" s="5" t="s">
        <v>1154</v>
      </c>
      <c r="F436" s="7">
        <v>17380</v>
      </c>
      <c r="G436" s="5" t="s">
        <v>1132</v>
      </c>
      <c r="H436" s="6" t="s">
        <v>790</v>
      </c>
      <c r="I436" s="8">
        <v>43815</v>
      </c>
    </row>
    <row r="437" spans="1:9" ht="24" x14ac:dyDescent="0.2">
      <c r="A437" s="4">
        <v>43556</v>
      </c>
      <c r="B437" s="5" t="s">
        <v>8</v>
      </c>
      <c r="C437" s="5" t="s">
        <v>1129</v>
      </c>
      <c r="D437" s="6" t="s">
        <v>1155</v>
      </c>
      <c r="E437" s="5" t="s">
        <v>1156</v>
      </c>
      <c r="F437" s="7">
        <v>116132</v>
      </c>
      <c r="G437" s="5" t="s">
        <v>224</v>
      </c>
      <c r="H437" s="6" t="s">
        <v>225</v>
      </c>
      <c r="I437" s="8">
        <v>43823</v>
      </c>
    </row>
    <row r="438" spans="1:9" ht="24" x14ac:dyDescent="0.2">
      <c r="A438" s="4">
        <v>43556</v>
      </c>
      <c r="B438" s="5" t="s">
        <v>8</v>
      </c>
      <c r="C438" s="5" t="s">
        <v>1157</v>
      </c>
      <c r="D438" s="6" t="s">
        <v>1158</v>
      </c>
      <c r="E438" s="5" t="s">
        <v>1159</v>
      </c>
      <c r="F438" s="7">
        <v>57067</v>
      </c>
      <c r="G438" s="5" t="s">
        <v>36</v>
      </c>
      <c r="H438" s="6" t="s">
        <v>37</v>
      </c>
      <c r="I438" s="8">
        <v>43741</v>
      </c>
    </row>
    <row r="439" spans="1:9" ht="24" x14ac:dyDescent="0.2">
      <c r="A439" s="4">
        <v>43556</v>
      </c>
      <c r="B439" s="5" t="s">
        <v>8</v>
      </c>
      <c r="C439" s="5" t="s">
        <v>1157</v>
      </c>
      <c r="D439" s="6" t="s">
        <v>1160</v>
      </c>
      <c r="E439" s="5" t="s">
        <v>1161</v>
      </c>
      <c r="F439" s="7">
        <v>13996</v>
      </c>
      <c r="G439" s="5" t="s">
        <v>264</v>
      </c>
      <c r="H439" s="6" t="s">
        <v>265</v>
      </c>
      <c r="I439" s="8">
        <v>43746</v>
      </c>
    </row>
    <row r="440" spans="1:9" ht="24" x14ac:dyDescent="0.2">
      <c r="A440" s="4">
        <v>43556</v>
      </c>
      <c r="B440" s="5" t="s">
        <v>8</v>
      </c>
      <c r="C440" s="5" t="s">
        <v>1157</v>
      </c>
      <c r="D440" s="6" t="s">
        <v>1162</v>
      </c>
      <c r="E440" s="5" t="s">
        <v>629</v>
      </c>
      <c r="F440" s="7">
        <v>74745</v>
      </c>
      <c r="G440" s="5" t="s">
        <v>36</v>
      </c>
      <c r="H440" s="6" t="s">
        <v>37</v>
      </c>
      <c r="I440" s="8">
        <v>43775</v>
      </c>
    </row>
    <row r="441" spans="1:9" ht="24" x14ac:dyDescent="0.2">
      <c r="A441" s="4">
        <v>43556</v>
      </c>
      <c r="B441" s="5" t="s">
        <v>8</v>
      </c>
      <c r="C441" s="5" t="s">
        <v>1157</v>
      </c>
      <c r="D441" s="6" t="s">
        <v>1163</v>
      </c>
      <c r="E441" s="5" t="s">
        <v>1164</v>
      </c>
      <c r="F441" s="7">
        <v>49990</v>
      </c>
      <c r="G441" s="5" t="s">
        <v>1165</v>
      </c>
      <c r="H441" s="6" t="s">
        <v>1166</v>
      </c>
      <c r="I441" s="8">
        <v>43775</v>
      </c>
    </row>
    <row r="442" spans="1:9" ht="24" x14ac:dyDescent="0.2">
      <c r="A442" s="4">
        <v>43556</v>
      </c>
      <c r="B442" s="5" t="s">
        <v>8</v>
      </c>
      <c r="C442" s="5" t="s">
        <v>1157</v>
      </c>
      <c r="D442" s="6" t="s">
        <v>1167</v>
      </c>
      <c r="E442" s="5" t="s">
        <v>1168</v>
      </c>
      <c r="F442" s="7">
        <v>19349</v>
      </c>
      <c r="G442" s="5" t="s">
        <v>509</v>
      </c>
      <c r="H442" s="6" t="s">
        <v>510</v>
      </c>
      <c r="I442" s="8">
        <v>43788</v>
      </c>
    </row>
    <row r="443" spans="1:9" ht="24" x14ac:dyDescent="0.2">
      <c r="A443" s="4">
        <v>43556</v>
      </c>
      <c r="B443" s="5" t="s">
        <v>8</v>
      </c>
      <c r="C443" s="5" t="s">
        <v>1157</v>
      </c>
      <c r="D443" s="6" t="s">
        <v>1169</v>
      </c>
      <c r="E443" s="5" t="s">
        <v>1170</v>
      </c>
      <c r="F443" s="7">
        <v>75955</v>
      </c>
      <c r="G443" s="5" t="s">
        <v>509</v>
      </c>
      <c r="H443" s="6" t="s">
        <v>510</v>
      </c>
      <c r="I443" s="8">
        <v>43797</v>
      </c>
    </row>
    <row r="444" spans="1:9" ht="24" x14ac:dyDescent="0.2">
      <c r="A444" s="4">
        <v>43556</v>
      </c>
      <c r="B444" s="5" t="s">
        <v>8</v>
      </c>
      <c r="C444" s="5" t="s">
        <v>1157</v>
      </c>
      <c r="D444" s="6" t="s">
        <v>1171</v>
      </c>
      <c r="E444" s="5" t="s">
        <v>786</v>
      </c>
      <c r="F444" s="7">
        <v>78782</v>
      </c>
      <c r="G444" s="5" t="s">
        <v>36</v>
      </c>
      <c r="H444" s="6" t="s">
        <v>37</v>
      </c>
      <c r="I444" s="8">
        <v>43803</v>
      </c>
    </row>
    <row r="445" spans="1:9" ht="24" x14ac:dyDescent="0.2">
      <c r="A445" s="4">
        <v>43556</v>
      </c>
      <c r="B445" s="5" t="s">
        <v>8</v>
      </c>
      <c r="C445" s="5" t="s">
        <v>1157</v>
      </c>
      <c r="D445" s="6" t="s">
        <v>1172</v>
      </c>
      <c r="E445" s="5" t="s">
        <v>1173</v>
      </c>
      <c r="F445" s="7">
        <v>372344</v>
      </c>
      <c r="G445" s="5" t="s">
        <v>858</v>
      </c>
      <c r="H445" s="6" t="s">
        <v>790</v>
      </c>
      <c r="I445" s="8">
        <v>43808</v>
      </c>
    </row>
    <row r="446" spans="1:9" ht="24" x14ac:dyDescent="0.2">
      <c r="A446" s="4">
        <v>43556</v>
      </c>
      <c r="B446" s="5" t="s">
        <v>8</v>
      </c>
      <c r="C446" s="5" t="s">
        <v>1157</v>
      </c>
      <c r="D446" s="6" t="s">
        <v>1174</v>
      </c>
      <c r="E446" s="5" t="s">
        <v>1175</v>
      </c>
      <c r="F446" s="7">
        <v>249700</v>
      </c>
      <c r="G446" s="5" t="s">
        <v>1176</v>
      </c>
      <c r="H446" s="6" t="s">
        <v>453</v>
      </c>
      <c r="I446" s="8">
        <v>43810</v>
      </c>
    </row>
    <row r="447" spans="1:9" ht="24" x14ac:dyDescent="0.2">
      <c r="A447" s="4">
        <v>43556</v>
      </c>
      <c r="B447" s="5" t="s">
        <v>8</v>
      </c>
      <c r="C447" s="5" t="s">
        <v>1157</v>
      </c>
      <c r="D447" s="6" t="s">
        <v>1177</v>
      </c>
      <c r="E447" s="5" t="s">
        <v>1178</v>
      </c>
      <c r="F447" s="7">
        <v>24288</v>
      </c>
      <c r="G447" s="5" t="s">
        <v>509</v>
      </c>
      <c r="H447" s="6" t="s">
        <v>510</v>
      </c>
      <c r="I447" s="8">
        <v>43818</v>
      </c>
    </row>
    <row r="448" spans="1:9" ht="24" x14ac:dyDescent="0.2">
      <c r="A448" s="4">
        <v>43556</v>
      </c>
      <c r="B448" s="5" t="s">
        <v>8</v>
      </c>
      <c r="C448" s="5" t="s">
        <v>1157</v>
      </c>
      <c r="D448" s="6" t="s">
        <v>1179</v>
      </c>
      <c r="E448" s="5" t="s">
        <v>1180</v>
      </c>
      <c r="F448" s="7">
        <v>43780</v>
      </c>
      <c r="G448" s="5" t="s">
        <v>642</v>
      </c>
      <c r="H448" s="6" t="s">
        <v>58</v>
      </c>
      <c r="I448" s="8">
        <v>43824</v>
      </c>
    </row>
    <row r="449" spans="1:9" ht="24" x14ac:dyDescent="0.2">
      <c r="A449" s="4">
        <v>43556</v>
      </c>
      <c r="B449" s="5" t="s">
        <v>8</v>
      </c>
      <c r="C449" s="5" t="s">
        <v>1181</v>
      </c>
      <c r="D449" s="6" t="s">
        <v>1182</v>
      </c>
      <c r="E449" s="5" t="s">
        <v>1183</v>
      </c>
      <c r="F449" s="7">
        <v>48826</v>
      </c>
      <c r="G449" s="5" t="s">
        <v>117</v>
      </c>
      <c r="H449" s="6" t="s">
        <v>118</v>
      </c>
      <c r="I449" s="8">
        <v>43741</v>
      </c>
    </row>
    <row r="450" spans="1:9" ht="24" x14ac:dyDescent="0.2">
      <c r="A450" s="4">
        <v>43556</v>
      </c>
      <c r="B450" s="5" t="s">
        <v>8</v>
      </c>
      <c r="C450" s="5" t="s">
        <v>1181</v>
      </c>
      <c r="D450" s="6" t="s">
        <v>1184</v>
      </c>
      <c r="E450" s="5" t="s">
        <v>1185</v>
      </c>
      <c r="F450" s="7">
        <v>74759</v>
      </c>
      <c r="G450" s="5" t="s">
        <v>36</v>
      </c>
      <c r="H450" s="6" t="s">
        <v>37</v>
      </c>
      <c r="I450" s="8">
        <v>43741</v>
      </c>
    </row>
    <row r="451" spans="1:9" ht="24" x14ac:dyDescent="0.2">
      <c r="A451" s="4">
        <v>43556</v>
      </c>
      <c r="B451" s="5" t="s">
        <v>8</v>
      </c>
      <c r="C451" s="5" t="s">
        <v>1181</v>
      </c>
      <c r="D451" s="6" t="s">
        <v>1186</v>
      </c>
      <c r="E451" s="5" t="s">
        <v>1187</v>
      </c>
      <c r="F451" s="7">
        <v>13608</v>
      </c>
      <c r="G451" s="5" t="s">
        <v>387</v>
      </c>
      <c r="H451" s="6" t="s">
        <v>388</v>
      </c>
      <c r="I451" s="8">
        <v>43755</v>
      </c>
    </row>
    <row r="452" spans="1:9" ht="24" x14ac:dyDescent="0.2">
      <c r="A452" s="4">
        <v>43556</v>
      </c>
      <c r="B452" s="5" t="s">
        <v>8</v>
      </c>
      <c r="C452" s="5" t="s">
        <v>1181</v>
      </c>
      <c r="D452" s="6" t="s">
        <v>1188</v>
      </c>
      <c r="E452" s="5" t="s">
        <v>1189</v>
      </c>
      <c r="F452" s="7">
        <v>117888</v>
      </c>
      <c r="G452" s="5" t="s">
        <v>877</v>
      </c>
      <c r="H452" s="6" t="s">
        <v>637</v>
      </c>
      <c r="I452" s="8">
        <v>43762</v>
      </c>
    </row>
    <row r="453" spans="1:9" ht="24" x14ac:dyDescent="0.2">
      <c r="A453" s="4">
        <v>43556</v>
      </c>
      <c r="B453" s="5" t="s">
        <v>8</v>
      </c>
      <c r="C453" s="5" t="s">
        <v>1181</v>
      </c>
      <c r="D453" s="6" t="s">
        <v>1190</v>
      </c>
      <c r="E453" s="5" t="s">
        <v>1191</v>
      </c>
      <c r="F453" s="7">
        <v>55550</v>
      </c>
      <c r="G453" s="5" t="s">
        <v>1192</v>
      </c>
      <c r="H453" s="6" t="s">
        <v>207</v>
      </c>
      <c r="I453" s="8">
        <v>43766</v>
      </c>
    </row>
    <row r="454" spans="1:9" ht="24" x14ac:dyDescent="0.2">
      <c r="A454" s="4">
        <v>43556</v>
      </c>
      <c r="B454" s="5" t="s">
        <v>8</v>
      </c>
      <c r="C454" s="5" t="s">
        <v>1181</v>
      </c>
      <c r="D454" s="6" t="s">
        <v>1193</v>
      </c>
      <c r="E454" s="5" t="s">
        <v>197</v>
      </c>
      <c r="F454" s="7">
        <v>16984</v>
      </c>
      <c r="G454" s="5" t="s">
        <v>1194</v>
      </c>
      <c r="H454" s="6" t="s">
        <v>25</v>
      </c>
      <c r="I454" s="8">
        <v>43769</v>
      </c>
    </row>
    <row r="455" spans="1:9" ht="24" x14ac:dyDescent="0.2">
      <c r="A455" s="4">
        <v>43556</v>
      </c>
      <c r="B455" s="5" t="s">
        <v>8</v>
      </c>
      <c r="C455" s="5" t="s">
        <v>1181</v>
      </c>
      <c r="D455" s="6" t="s">
        <v>1195</v>
      </c>
      <c r="E455" s="5" t="s">
        <v>771</v>
      </c>
      <c r="F455" s="7">
        <v>43758</v>
      </c>
      <c r="G455" s="5" t="s">
        <v>858</v>
      </c>
      <c r="H455" s="6" t="s">
        <v>790</v>
      </c>
      <c r="I455" s="8">
        <v>43774</v>
      </c>
    </row>
    <row r="456" spans="1:9" ht="24" x14ac:dyDescent="0.2">
      <c r="A456" s="4">
        <v>43556</v>
      </c>
      <c r="B456" s="5" t="s">
        <v>8</v>
      </c>
      <c r="C456" s="5" t="s">
        <v>1181</v>
      </c>
      <c r="D456" s="6" t="s">
        <v>1196</v>
      </c>
      <c r="E456" s="5" t="s">
        <v>1197</v>
      </c>
      <c r="F456" s="7">
        <v>44847</v>
      </c>
      <c r="G456" s="5" t="s">
        <v>36</v>
      </c>
      <c r="H456" s="6" t="s">
        <v>37</v>
      </c>
      <c r="I456" s="8">
        <v>43775</v>
      </c>
    </row>
    <row r="457" spans="1:9" ht="24" x14ac:dyDescent="0.2">
      <c r="A457" s="4">
        <v>43556</v>
      </c>
      <c r="B457" s="5" t="s">
        <v>8</v>
      </c>
      <c r="C457" s="5" t="s">
        <v>1181</v>
      </c>
      <c r="D457" s="6" t="s">
        <v>1198</v>
      </c>
      <c r="E457" s="5" t="s">
        <v>1199</v>
      </c>
      <c r="F457" s="7">
        <v>13596</v>
      </c>
      <c r="G457" s="5" t="s">
        <v>387</v>
      </c>
      <c r="H457" s="6" t="s">
        <v>388</v>
      </c>
      <c r="I457" s="8">
        <v>43776</v>
      </c>
    </row>
    <row r="458" spans="1:9" ht="24" x14ac:dyDescent="0.2">
      <c r="A458" s="4">
        <v>43556</v>
      </c>
      <c r="B458" s="5" t="s">
        <v>8</v>
      </c>
      <c r="C458" s="5" t="s">
        <v>1181</v>
      </c>
      <c r="D458" s="6" t="s">
        <v>1200</v>
      </c>
      <c r="E458" s="5" t="s">
        <v>1201</v>
      </c>
      <c r="F458" s="7">
        <v>106810</v>
      </c>
      <c r="G458" s="5" t="s">
        <v>1192</v>
      </c>
      <c r="H458" s="6" t="s">
        <v>207</v>
      </c>
      <c r="I458" s="8">
        <v>43784</v>
      </c>
    </row>
    <row r="459" spans="1:9" ht="24" x14ac:dyDescent="0.2">
      <c r="A459" s="4">
        <v>43556</v>
      </c>
      <c r="B459" s="5" t="s">
        <v>8</v>
      </c>
      <c r="C459" s="5" t="s">
        <v>1181</v>
      </c>
      <c r="D459" s="6" t="s">
        <v>1202</v>
      </c>
      <c r="E459" s="5" t="s">
        <v>1203</v>
      </c>
      <c r="F459" s="7">
        <v>39380</v>
      </c>
      <c r="G459" s="5" t="s">
        <v>858</v>
      </c>
      <c r="H459" s="6" t="s">
        <v>790</v>
      </c>
      <c r="I459" s="8">
        <v>43788</v>
      </c>
    </row>
    <row r="460" spans="1:9" ht="24" x14ac:dyDescent="0.2">
      <c r="A460" s="4">
        <v>43556</v>
      </c>
      <c r="B460" s="5" t="s">
        <v>8</v>
      </c>
      <c r="C460" s="5" t="s">
        <v>1181</v>
      </c>
      <c r="D460" s="6" t="s">
        <v>1204</v>
      </c>
      <c r="E460" s="5" t="s">
        <v>1205</v>
      </c>
      <c r="F460" s="7">
        <v>93282</v>
      </c>
      <c r="G460" s="5" t="s">
        <v>36</v>
      </c>
      <c r="H460" s="6" t="s">
        <v>37</v>
      </c>
      <c r="I460" s="8">
        <v>43802</v>
      </c>
    </row>
    <row r="461" spans="1:9" ht="24" x14ac:dyDescent="0.2">
      <c r="A461" s="4">
        <v>43556</v>
      </c>
      <c r="B461" s="5" t="s">
        <v>8</v>
      </c>
      <c r="C461" s="5" t="s">
        <v>1181</v>
      </c>
      <c r="D461" s="6" t="s">
        <v>1206</v>
      </c>
      <c r="E461" s="5" t="s">
        <v>654</v>
      </c>
      <c r="F461" s="7">
        <v>60951</v>
      </c>
      <c r="G461" s="5" t="s">
        <v>858</v>
      </c>
      <c r="H461" s="6" t="s">
        <v>790</v>
      </c>
      <c r="I461" s="8">
        <v>43802</v>
      </c>
    </row>
    <row r="462" spans="1:9" ht="24" x14ac:dyDescent="0.2">
      <c r="A462" s="4">
        <v>43556</v>
      </c>
      <c r="B462" s="5" t="s">
        <v>8</v>
      </c>
      <c r="C462" s="5" t="s">
        <v>1181</v>
      </c>
      <c r="D462" s="6" t="s">
        <v>1207</v>
      </c>
      <c r="E462" s="5" t="s">
        <v>652</v>
      </c>
      <c r="F462" s="7">
        <v>13596</v>
      </c>
      <c r="G462" s="5" t="s">
        <v>387</v>
      </c>
      <c r="H462" s="6" t="s">
        <v>388</v>
      </c>
      <c r="I462" s="8">
        <v>43812</v>
      </c>
    </row>
    <row r="463" spans="1:9" ht="24" x14ac:dyDescent="0.2">
      <c r="A463" s="4">
        <v>43556</v>
      </c>
      <c r="B463" s="5" t="s">
        <v>8</v>
      </c>
      <c r="C463" s="5" t="s">
        <v>1181</v>
      </c>
      <c r="D463" s="6" t="s">
        <v>1208</v>
      </c>
      <c r="E463" s="5" t="s">
        <v>1209</v>
      </c>
      <c r="F463" s="7">
        <v>31988</v>
      </c>
      <c r="G463" s="5" t="s">
        <v>1194</v>
      </c>
      <c r="H463" s="6" t="s">
        <v>25</v>
      </c>
      <c r="I463" s="8">
        <v>43818</v>
      </c>
    </row>
    <row r="464" spans="1:9" ht="24" x14ac:dyDescent="0.2">
      <c r="A464" s="4">
        <v>43556</v>
      </c>
      <c r="B464" s="5" t="s">
        <v>8</v>
      </c>
      <c r="C464" s="5" t="s">
        <v>1181</v>
      </c>
      <c r="D464" s="6" t="s">
        <v>1210</v>
      </c>
      <c r="E464" s="5" t="s">
        <v>1211</v>
      </c>
      <c r="F464" s="7">
        <v>46002</v>
      </c>
      <c r="G464" s="5" t="s">
        <v>117</v>
      </c>
      <c r="H464" s="6" t="s">
        <v>118</v>
      </c>
      <c r="I464" s="8">
        <v>43826</v>
      </c>
    </row>
    <row r="465" spans="1:9" ht="24" x14ac:dyDescent="0.2">
      <c r="A465" s="4">
        <v>43556</v>
      </c>
      <c r="B465" s="5" t="s">
        <v>8</v>
      </c>
      <c r="C465" s="5" t="s">
        <v>1212</v>
      </c>
      <c r="D465" s="6" t="s">
        <v>1213</v>
      </c>
      <c r="E465" s="5" t="s">
        <v>1214</v>
      </c>
      <c r="F465" s="7">
        <v>41504</v>
      </c>
      <c r="G465" s="5" t="s">
        <v>36</v>
      </c>
      <c r="H465" s="6" t="s">
        <v>37</v>
      </c>
      <c r="I465" s="8">
        <v>43740</v>
      </c>
    </row>
    <row r="466" spans="1:9" ht="24" x14ac:dyDescent="0.2">
      <c r="A466" s="4">
        <v>43556</v>
      </c>
      <c r="B466" s="5" t="s">
        <v>8</v>
      </c>
      <c r="C466" s="5" t="s">
        <v>1212</v>
      </c>
      <c r="D466" s="6" t="s">
        <v>1215</v>
      </c>
      <c r="E466" s="5" t="s">
        <v>1216</v>
      </c>
      <c r="F466" s="7">
        <v>12636</v>
      </c>
      <c r="G466" s="5" t="s">
        <v>254</v>
      </c>
      <c r="H466" s="6" t="s">
        <v>255</v>
      </c>
      <c r="I466" s="8">
        <v>43745</v>
      </c>
    </row>
    <row r="467" spans="1:9" ht="24" x14ac:dyDescent="0.2">
      <c r="A467" s="4">
        <v>43556</v>
      </c>
      <c r="B467" s="5" t="s">
        <v>8</v>
      </c>
      <c r="C467" s="5" t="s">
        <v>1212</v>
      </c>
      <c r="D467" s="6" t="s">
        <v>1217</v>
      </c>
      <c r="E467" s="5" t="s">
        <v>1218</v>
      </c>
      <c r="F467" s="7">
        <v>47784</v>
      </c>
      <c r="G467" s="5" t="s">
        <v>117</v>
      </c>
      <c r="H467" s="6" t="s">
        <v>118</v>
      </c>
      <c r="I467" s="8">
        <v>43746</v>
      </c>
    </row>
    <row r="468" spans="1:9" ht="24" x14ac:dyDescent="0.2">
      <c r="A468" s="4">
        <v>43556</v>
      </c>
      <c r="B468" s="5" t="s">
        <v>8</v>
      </c>
      <c r="C468" s="5" t="s">
        <v>1212</v>
      </c>
      <c r="D468" s="6" t="s">
        <v>1219</v>
      </c>
      <c r="E468" s="5" t="s">
        <v>1220</v>
      </c>
      <c r="F468" s="7">
        <v>33000</v>
      </c>
      <c r="G468" s="5" t="s">
        <v>921</v>
      </c>
      <c r="H468" s="6" t="s">
        <v>922</v>
      </c>
      <c r="I468" s="8">
        <v>43748</v>
      </c>
    </row>
    <row r="469" spans="1:9" ht="24" x14ac:dyDescent="0.2">
      <c r="A469" s="4">
        <v>43556</v>
      </c>
      <c r="B469" s="5" t="s">
        <v>8</v>
      </c>
      <c r="C469" s="5" t="s">
        <v>1212</v>
      </c>
      <c r="D469" s="6" t="s">
        <v>1221</v>
      </c>
      <c r="E469" s="5" t="s">
        <v>1222</v>
      </c>
      <c r="F469" s="7">
        <v>79860</v>
      </c>
      <c r="G469" s="5" t="s">
        <v>1090</v>
      </c>
      <c r="H469" s="6" t="s">
        <v>207</v>
      </c>
      <c r="I469" s="8">
        <v>43748</v>
      </c>
    </row>
    <row r="470" spans="1:9" x14ac:dyDescent="0.2">
      <c r="A470" s="4">
        <v>43556</v>
      </c>
      <c r="B470" s="5" t="s">
        <v>8</v>
      </c>
      <c r="C470" s="5" t="s">
        <v>1212</v>
      </c>
      <c r="D470" s="6" t="s">
        <v>1223</v>
      </c>
      <c r="E470" s="5" t="s">
        <v>1224</v>
      </c>
      <c r="F470" s="7">
        <v>7197</v>
      </c>
      <c r="G470" s="5" t="s">
        <v>1225</v>
      </c>
      <c r="H470" s="6" t="s">
        <v>33</v>
      </c>
      <c r="I470" s="8">
        <v>43753</v>
      </c>
    </row>
    <row r="471" spans="1:9" ht="24" x14ac:dyDescent="0.2">
      <c r="A471" s="4">
        <v>43556</v>
      </c>
      <c r="B471" s="5" t="s">
        <v>8</v>
      </c>
      <c r="C471" s="5" t="s">
        <v>1212</v>
      </c>
      <c r="D471" s="6" t="s">
        <v>1226</v>
      </c>
      <c r="E471" s="5" t="s">
        <v>629</v>
      </c>
      <c r="F471" s="7">
        <v>62638</v>
      </c>
      <c r="G471" s="5" t="s">
        <v>36</v>
      </c>
      <c r="H471" s="6" t="s">
        <v>37</v>
      </c>
      <c r="I471" s="8">
        <v>43774</v>
      </c>
    </row>
    <row r="472" spans="1:9" ht="24" x14ac:dyDescent="0.2">
      <c r="A472" s="4">
        <v>43556</v>
      </c>
      <c r="B472" s="5" t="s">
        <v>8</v>
      </c>
      <c r="C472" s="5" t="s">
        <v>1212</v>
      </c>
      <c r="D472" s="6" t="s">
        <v>1227</v>
      </c>
      <c r="E472" s="5" t="s">
        <v>631</v>
      </c>
      <c r="F472" s="7">
        <v>12870</v>
      </c>
      <c r="G472" s="5" t="s">
        <v>254</v>
      </c>
      <c r="H472" s="6" t="s">
        <v>255</v>
      </c>
      <c r="I472" s="8">
        <v>43777</v>
      </c>
    </row>
    <row r="473" spans="1:9" ht="24" x14ac:dyDescent="0.2">
      <c r="A473" s="4">
        <v>43556</v>
      </c>
      <c r="B473" s="5" t="s">
        <v>8</v>
      </c>
      <c r="C473" s="5" t="s">
        <v>1212</v>
      </c>
      <c r="D473" s="6" t="s">
        <v>1228</v>
      </c>
      <c r="E473" s="5" t="s">
        <v>1229</v>
      </c>
      <c r="F473" s="7">
        <v>10175</v>
      </c>
      <c r="G473" s="5" t="s">
        <v>1090</v>
      </c>
      <c r="H473" s="6" t="s">
        <v>207</v>
      </c>
      <c r="I473" s="8">
        <v>43787</v>
      </c>
    </row>
    <row r="474" spans="1:9" ht="24" x14ac:dyDescent="0.2">
      <c r="A474" s="4">
        <v>43556</v>
      </c>
      <c r="B474" s="5" t="s">
        <v>8</v>
      </c>
      <c r="C474" s="5" t="s">
        <v>1212</v>
      </c>
      <c r="D474" s="6" t="s">
        <v>1230</v>
      </c>
      <c r="E474" s="5" t="s">
        <v>1231</v>
      </c>
      <c r="F474" s="7">
        <v>59862</v>
      </c>
      <c r="G474" s="5" t="s">
        <v>509</v>
      </c>
      <c r="H474" s="6" t="s">
        <v>510</v>
      </c>
      <c r="I474" s="8">
        <v>43794</v>
      </c>
    </row>
    <row r="475" spans="1:9" ht="24" x14ac:dyDescent="0.2">
      <c r="A475" s="4">
        <v>43556</v>
      </c>
      <c r="B475" s="5" t="s">
        <v>8</v>
      </c>
      <c r="C475" s="5" t="s">
        <v>1212</v>
      </c>
      <c r="D475" s="6" t="s">
        <v>1232</v>
      </c>
      <c r="E475" s="5" t="s">
        <v>786</v>
      </c>
      <c r="F475" s="7">
        <v>59092</v>
      </c>
      <c r="G475" s="5" t="s">
        <v>36</v>
      </c>
      <c r="H475" s="6" t="s">
        <v>37</v>
      </c>
      <c r="I475" s="8">
        <v>43803</v>
      </c>
    </row>
    <row r="476" spans="1:9" ht="24" x14ac:dyDescent="0.2">
      <c r="A476" s="4">
        <v>43556</v>
      </c>
      <c r="B476" s="5" t="s">
        <v>8</v>
      </c>
      <c r="C476" s="5" t="s">
        <v>1212</v>
      </c>
      <c r="D476" s="6" t="s">
        <v>1233</v>
      </c>
      <c r="E476" s="5" t="s">
        <v>1234</v>
      </c>
      <c r="F476" s="7">
        <v>77000</v>
      </c>
      <c r="G476" s="5" t="s">
        <v>1235</v>
      </c>
      <c r="H476" s="6" t="s">
        <v>1236</v>
      </c>
      <c r="I476" s="8">
        <v>43803</v>
      </c>
    </row>
    <row r="477" spans="1:9" ht="24" x14ac:dyDescent="0.2">
      <c r="A477" s="4">
        <v>43556</v>
      </c>
      <c r="B477" s="5" t="s">
        <v>8</v>
      </c>
      <c r="C477" s="5" t="s">
        <v>1212</v>
      </c>
      <c r="D477" s="6" t="s">
        <v>1237</v>
      </c>
      <c r="E477" s="5" t="s">
        <v>1010</v>
      </c>
      <c r="F477" s="7">
        <v>12870</v>
      </c>
      <c r="G477" s="5" t="s">
        <v>254</v>
      </c>
      <c r="H477" s="6" t="s">
        <v>255</v>
      </c>
      <c r="I477" s="8">
        <v>43804</v>
      </c>
    </row>
    <row r="478" spans="1:9" ht="24" x14ac:dyDescent="0.2">
      <c r="A478" s="4">
        <v>43556</v>
      </c>
      <c r="B478" s="5" t="s">
        <v>8</v>
      </c>
      <c r="C478" s="5" t="s">
        <v>1212</v>
      </c>
      <c r="D478" s="6" t="s">
        <v>1238</v>
      </c>
      <c r="E478" s="5" t="s">
        <v>1239</v>
      </c>
      <c r="F478" s="7">
        <v>2686</v>
      </c>
      <c r="G478" s="5" t="s">
        <v>1240</v>
      </c>
      <c r="H478" s="6" t="s">
        <v>1241</v>
      </c>
      <c r="I478" s="8">
        <v>43804</v>
      </c>
    </row>
    <row r="479" spans="1:9" ht="24" x14ac:dyDescent="0.2">
      <c r="A479" s="4">
        <v>43556</v>
      </c>
      <c r="B479" s="5" t="s">
        <v>8</v>
      </c>
      <c r="C479" s="5" t="s">
        <v>1212</v>
      </c>
      <c r="D479" s="6" t="s">
        <v>1242</v>
      </c>
      <c r="E479" s="5" t="s">
        <v>1243</v>
      </c>
      <c r="F479" s="7">
        <v>4455</v>
      </c>
      <c r="G479" s="5" t="s">
        <v>1244</v>
      </c>
      <c r="H479" s="6" t="s">
        <v>1245</v>
      </c>
      <c r="I479" s="8">
        <v>43805</v>
      </c>
    </row>
    <row r="480" spans="1:9" x14ac:dyDescent="0.2">
      <c r="A480" s="4">
        <v>43556</v>
      </c>
      <c r="B480" s="5" t="s">
        <v>8</v>
      </c>
      <c r="C480" s="5" t="s">
        <v>1212</v>
      </c>
      <c r="D480" s="6" t="s">
        <v>1246</v>
      </c>
      <c r="E480" s="5" t="s">
        <v>1247</v>
      </c>
      <c r="F480" s="7">
        <v>53487</v>
      </c>
      <c r="G480" s="5" t="s">
        <v>1248</v>
      </c>
      <c r="H480" s="6" t="s">
        <v>1249</v>
      </c>
      <c r="I480" s="8">
        <v>43805</v>
      </c>
    </row>
    <row r="481" spans="1:9" ht="24" x14ac:dyDescent="0.2">
      <c r="A481" s="4">
        <v>43556</v>
      </c>
      <c r="B481" s="5" t="s">
        <v>8</v>
      </c>
      <c r="C481" s="5" t="s">
        <v>1212</v>
      </c>
      <c r="D481" s="6" t="s">
        <v>1250</v>
      </c>
      <c r="E481" s="5" t="s">
        <v>1251</v>
      </c>
      <c r="F481" s="7">
        <v>82588</v>
      </c>
      <c r="G481" s="5" t="s">
        <v>117</v>
      </c>
      <c r="H481" s="6" t="s">
        <v>118</v>
      </c>
      <c r="I481" s="8">
        <v>43819</v>
      </c>
    </row>
    <row r="482" spans="1:9" ht="24" x14ac:dyDescent="0.2">
      <c r="A482" s="4">
        <v>43556</v>
      </c>
      <c r="B482" s="5" t="s">
        <v>8</v>
      </c>
      <c r="C482" s="5" t="s">
        <v>1212</v>
      </c>
      <c r="D482" s="6" t="s">
        <v>1252</v>
      </c>
      <c r="E482" s="5" t="s">
        <v>1253</v>
      </c>
      <c r="F482" s="7">
        <v>32538</v>
      </c>
      <c r="G482" s="5" t="s">
        <v>1090</v>
      </c>
      <c r="H482" s="6" t="s">
        <v>207</v>
      </c>
      <c r="I482" s="8">
        <v>43824</v>
      </c>
    </row>
    <row r="483" spans="1:9" ht="24" x14ac:dyDescent="0.2">
      <c r="A483" s="4">
        <v>43556</v>
      </c>
      <c r="B483" s="5" t="s">
        <v>8</v>
      </c>
      <c r="C483" s="5" t="s">
        <v>1254</v>
      </c>
      <c r="D483" s="6" t="s">
        <v>1255</v>
      </c>
      <c r="E483" s="5" t="s">
        <v>1256</v>
      </c>
      <c r="F483" s="7">
        <v>67870</v>
      </c>
      <c r="G483" s="5" t="s">
        <v>117</v>
      </c>
      <c r="H483" s="6" t="s">
        <v>118</v>
      </c>
      <c r="I483" s="8">
        <v>43739</v>
      </c>
    </row>
    <row r="484" spans="1:9" ht="24" x14ac:dyDescent="0.2">
      <c r="A484" s="4">
        <v>43556</v>
      </c>
      <c r="B484" s="5" t="s">
        <v>8</v>
      </c>
      <c r="C484" s="5" t="s">
        <v>1254</v>
      </c>
      <c r="D484" s="6" t="s">
        <v>1257</v>
      </c>
      <c r="E484" s="5" t="s">
        <v>197</v>
      </c>
      <c r="F484" s="7">
        <v>71892</v>
      </c>
      <c r="G484" s="5" t="s">
        <v>1258</v>
      </c>
      <c r="H484" s="6" t="s">
        <v>1259</v>
      </c>
      <c r="I484" s="8">
        <v>43742</v>
      </c>
    </row>
    <row r="485" spans="1:9" ht="24" x14ac:dyDescent="0.2">
      <c r="A485" s="4">
        <v>43556</v>
      </c>
      <c r="B485" s="5" t="s">
        <v>8</v>
      </c>
      <c r="C485" s="5" t="s">
        <v>1254</v>
      </c>
      <c r="D485" s="6" t="s">
        <v>1260</v>
      </c>
      <c r="E485" s="5" t="s">
        <v>1261</v>
      </c>
      <c r="F485" s="7">
        <v>27648</v>
      </c>
      <c r="G485" s="5" t="s">
        <v>1262</v>
      </c>
      <c r="H485" s="6" t="s">
        <v>265</v>
      </c>
      <c r="I485" s="8">
        <v>43745</v>
      </c>
    </row>
    <row r="486" spans="1:9" ht="24" x14ac:dyDescent="0.2">
      <c r="A486" s="4">
        <v>43556</v>
      </c>
      <c r="B486" s="5" t="s">
        <v>8</v>
      </c>
      <c r="C486" s="5" t="s">
        <v>1254</v>
      </c>
      <c r="D486" s="6" t="s">
        <v>1263</v>
      </c>
      <c r="E486" s="5" t="s">
        <v>1264</v>
      </c>
      <c r="F486" s="7">
        <v>96163</v>
      </c>
      <c r="G486" s="5" t="s">
        <v>71</v>
      </c>
      <c r="H486" s="6" t="s">
        <v>72</v>
      </c>
      <c r="I486" s="8">
        <v>43748</v>
      </c>
    </row>
    <row r="487" spans="1:9" ht="24" x14ac:dyDescent="0.2">
      <c r="A487" s="4">
        <v>43556</v>
      </c>
      <c r="B487" s="5" t="s">
        <v>8</v>
      </c>
      <c r="C487" s="5" t="s">
        <v>1254</v>
      </c>
      <c r="D487" s="6" t="s">
        <v>1265</v>
      </c>
      <c r="E487" s="5" t="s">
        <v>1266</v>
      </c>
      <c r="F487" s="7">
        <v>230320</v>
      </c>
      <c r="G487" s="5" t="s">
        <v>1258</v>
      </c>
      <c r="H487" s="6" t="s">
        <v>1259</v>
      </c>
      <c r="I487" s="8">
        <v>43756</v>
      </c>
    </row>
    <row r="488" spans="1:9" ht="24" x14ac:dyDescent="0.2">
      <c r="A488" s="4">
        <v>43556</v>
      </c>
      <c r="B488" s="5" t="s">
        <v>8</v>
      </c>
      <c r="C488" s="5" t="s">
        <v>1254</v>
      </c>
      <c r="D488" s="6" t="s">
        <v>1267</v>
      </c>
      <c r="E488" s="5" t="s">
        <v>1268</v>
      </c>
      <c r="F488" s="7">
        <v>65988</v>
      </c>
      <c r="G488" s="5" t="s">
        <v>1258</v>
      </c>
      <c r="H488" s="6" t="s">
        <v>1259</v>
      </c>
      <c r="I488" s="8">
        <v>43756</v>
      </c>
    </row>
    <row r="489" spans="1:9" ht="24" x14ac:dyDescent="0.2">
      <c r="A489" s="4">
        <v>43556</v>
      </c>
      <c r="B489" s="5" t="s">
        <v>8</v>
      </c>
      <c r="C489" s="5" t="s">
        <v>1254</v>
      </c>
      <c r="D489" s="6" t="s">
        <v>1269</v>
      </c>
      <c r="E489" s="5" t="s">
        <v>1270</v>
      </c>
      <c r="F489" s="7">
        <v>17402</v>
      </c>
      <c r="G489" s="5" t="s">
        <v>214</v>
      </c>
      <c r="H489" s="6" t="s">
        <v>215</v>
      </c>
      <c r="I489" s="8">
        <v>43774</v>
      </c>
    </row>
    <row r="490" spans="1:9" ht="24" x14ac:dyDescent="0.2">
      <c r="A490" s="4">
        <v>43556</v>
      </c>
      <c r="B490" s="5" t="s">
        <v>8</v>
      </c>
      <c r="C490" s="5" t="s">
        <v>1254</v>
      </c>
      <c r="D490" s="6" t="s">
        <v>1271</v>
      </c>
      <c r="E490" s="5" t="s">
        <v>1272</v>
      </c>
      <c r="F490" s="7">
        <v>67320</v>
      </c>
      <c r="G490" s="5" t="s">
        <v>1258</v>
      </c>
      <c r="H490" s="6" t="s">
        <v>1259</v>
      </c>
      <c r="I490" s="8">
        <v>43783</v>
      </c>
    </row>
    <row r="491" spans="1:9" ht="24" x14ac:dyDescent="0.2">
      <c r="A491" s="4">
        <v>43556</v>
      </c>
      <c r="B491" s="5" t="s">
        <v>8</v>
      </c>
      <c r="C491" s="5" t="s">
        <v>1254</v>
      </c>
      <c r="D491" s="6" t="s">
        <v>1273</v>
      </c>
      <c r="E491" s="5" t="s">
        <v>825</v>
      </c>
      <c r="F491" s="7">
        <v>17600</v>
      </c>
      <c r="G491" s="5" t="s">
        <v>1262</v>
      </c>
      <c r="H491" s="6" t="s">
        <v>265</v>
      </c>
      <c r="I491" s="8">
        <v>43784</v>
      </c>
    </row>
    <row r="492" spans="1:9" ht="24" x14ac:dyDescent="0.2">
      <c r="A492" s="4">
        <v>43556</v>
      </c>
      <c r="B492" s="5" t="s">
        <v>8</v>
      </c>
      <c r="C492" s="5" t="s">
        <v>1254</v>
      </c>
      <c r="D492" s="6" t="s">
        <v>1274</v>
      </c>
      <c r="E492" s="5" t="s">
        <v>1275</v>
      </c>
      <c r="F492" s="7">
        <v>204633</v>
      </c>
      <c r="G492" s="5" t="s">
        <v>71</v>
      </c>
      <c r="H492" s="6" t="s">
        <v>72</v>
      </c>
      <c r="I492" s="8">
        <v>43787</v>
      </c>
    </row>
    <row r="493" spans="1:9" ht="24" x14ac:dyDescent="0.2">
      <c r="A493" s="4">
        <v>43556</v>
      </c>
      <c r="B493" s="5" t="s">
        <v>8</v>
      </c>
      <c r="C493" s="5" t="s">
        <v>1254</v>
      </c>
      <c r="D493" s="6" t="s">
        <v>1276</v>
      </c>
      <c r="E493" s="5" t="s">
        <v>1277</v>
      </c>
      <c r="F493" s="7">
        <v>34397</v>
      </c>
      <c r="G493" s="5" t="s">
        <v>774</v>
      </c>
      <c r="H493" s="6" t="s">
        <v>775</v>
      </c>
      <c r="I493" s="8">
        <v>43794</v>
      </c>
    </row>
    <row r="494" spans="1:9" ht="24" x14ac:dyDescent="0.2">
      <c r="A494" s="4">
        <v>43556</v>
      </c>
      <c r="B494" s="5" t="s">
        <v>8</v>
      </c>
      <c r="C494" s="5" t="s">
        <v>1254</v>
      </c>
      <c r="D494" s="6" t="s">
        <v>1278</v>
      </c>
      <c r="E494" s="5" t="s">
        <v>1279</v>
      </c>
      <c r="F494" s="7">
        <v>252511</v>
      </c>
      <c r="G494" s="5" t="s">
        <v>1258</v>
      </c>
      <c r="H494" s="6" t="s">
        <v>1259</v>
      </c>
      <c r="I494" s="8">
        <v>43797</v>
      </c>
    </row>
    <row r="495" spans="1:9" x14ac:dyDescent="0.2">
      <c r="A495" s="4">
        <v>43556</v>
      </c>
      <c r="B495" s="5" t="s">
        <v>8</v>
      </c>
      <c r="C495" s="5" t="s">
        <v>1254</v>
      </c>
      <c r="D495" s="6" t="s">
        <v>1280</v>
      </c>
      <c r="E495" s="5" t="s">
        <v>1281</v>
      </c>
      <c r="F495" s="7">
        <v>11625</v>
      </c>
      <c r="G495" s="5" t="s">
        <v>1282</v>
      </c>
      <c r="H495" s="6" t="s">
        <v>33</v>
      </c>
      <c r="I495" s="8">
        <v>43809</v>
      </c>
    </row>
    <row r="496" spans="1:9" ht="24" x14ac:dyDescent="0.2">
      <c r="A496" s="4">
        <v>43556</v>
      </c>
      <c r="B496" s="5" t="s">
        <v>8</v>
      </c>
      <c r="C496" s="5" t="s">
        <v>1254</v>
      </c>
      <c r="D496" s="6" t="s">
        <v>1283</v>
      </c>
      <c r="E496" s="5" t="s">
        <v>1010</v>
      </c>
      <c r="F496" s="7">
        <v>38720</v>
      </c>
      <c r="G496" s="5" t="s">
        <v>1262</v>
      </c>
      <c r="H496" s="6" t="s">
        <v>265</v>
      </c>
      <c r="I496" s="8">
        <v>43810</v>
      </c>
    </row>
    <row r="497" spans="1:9" ht="24" x14ac:dyDescent="0.2">
      <c r="A497" s="4">
        <v>43556</v>
      </c>
      <c r="B497" s="5" t="s">
        <v>8</v>
      </c>
      <c r="C497" s="5" t="s">
        <v>1254</v>
      </c>
      <c r="D497" s="6" t="s">
        <v>1284</v>
      </c>
      <c r="E497" s="5" t="s">
        <v>786</v>
      </c>
      <c r="F497" s="7">
        <v>97020</v>
      </c>
      <c r="G497" s="5" t="s">
        <v>71</v>
      </c>
      <c r="H497" s="6" t="s">
        <v>72</v>
      </c>
      <c r="I497" s="8">
        <v>43810</v>
      </c>
    </row>
    <row r="498" spans="1:9" ht="24" x14ac:dyDescent="0.2">
      <c r="A498" s="4">
        <v>43556</v>
      </c>
      <c r="B498" s="5" t="s">
        <v>8</v>
      </c>
      <c r="C498" s="5" t="s">
        <v>1254</v>
      </c>
      <c r="D498" s="6" t="s">
        <v>1285</v>
      </c>
      <c r="E498" s="5" t="s">
        <v>1286</v>
      </c>
      <c r="F498" s="7">
        <v>28699</v>
      </c>
      <c r="G498" s="5" t="s">
        <v>71</v>
      </c>
      <c r="H498" s="6" t="s">
        <v>72</v>
      </c>
      <c r="I498" s="8">
        <v>43811</v>
      </c>
    </row>
    <row r="499" spans="1:9" ht="24" x14ac:dyDescent="0.2">
      <c r="A499" s="4">
        <v>43556</v>
      </c>
      <c r="B499" s="5" t="s">
        <v>8</v>
      </c>
      <c r="C499" s="5" t="s">
        <v>1254</v>
      </c>
      <c r="D499" s="6" t="s">
        <v>1287</v>
      </c>
      <c r="E499" s="5" t="s">
        <v>1288</v>
      </c>
      <c r="F499" s="7">
        <v>58608</v>
      </c>
      <c r="G499" s="5" t="s">
        <v>1258</v>
      </c>
      <c r="H499" s="6" t="s">
        <v>1259</v>
      </c>
      <c r="I499" s="8">
        <v>43815</v>
      </c>
    </row>
    <row r="500" spans="1:9" ht="24" x14ac:dyDescent="0.2">
      <c r="A500" s="4">
        <v>43556</v>
      </c>
      <c r="B500" s="5" t="s">
        <v>8</v>
      </c>
      <c r="C500" s="5" t="s">
        <v>1254</v>
      </c>
      <c r="D500" s="6" t="s">
        <v>1289</v>
      </c>
      <c r="E500" s="5" t="s">
        <v>1290</v>
      </c>
      <c r="F500" s="7">
        <v>138820</v>
      </c>
      <c r="G500" s="5" t="s">
        <v>1258</v>
      </c>
      <c r="H500" s="6" t="s">
        <v>1259</v>
      </c>
      <c r="I500" s="8">
        <v>43815</v>
      </c>
    </row>
    <row r="501" spans="1:9" ht="24" x14ac:dyDescent="0.2">
      <c r="A501" s="4">
        <v>43556</v>
      </c>
      <c r="B501" s="5" t="s">
        <v>8</v>
      </c>
      <c r="C501" s="5" t="s">
        <v>1254</v>
      </c>
      <c r="D501" s="6" t="s">
        <v>1291</v>
      </c>
      <c r="E501" s="5" t="s">
        <v>1292</v>
      </c>
      <c r="F501" s="7">
        <v>13486</v>
      </c>
      <c r="G501" s="5" t="s">
        <v>1258</v>
      </c>
      <c r="H501" s="6" t="s">
        <v>1259</v>
      </c>
      <c r="I501" s="8">
        <v>43816</v>
      </c>
    </row>
    <row r="502" spans="1:9" ht="24" x14ac:dyDescent="0.2">
      <c r="A502" s="4">
        <v>43556</v>
      </c>
      <c r="B502" s="5" t="s">
        <v>8</v>
      </c>
      <c r="C502" s="5" t="s">
        <v>1254</v>
      </c>
      <c r="D502" s="6" t="s">
        <v>1293</v>
      </c>
      <c r="E502" s="5" t="s">
        <v>1294</v>
      </c>
      <c r="F502" s="7">
        <v>23100</v>
      </c>
      <c r="G502" s="5" t="s">
        <v>117</v>
      </c>
      <c r="H502" s="6" t="s">
        <v>118</v>
      </c>
      <c r="I502" s="8">
        <v>43824</v>
      </c>
    </row>
    <row r="503" spans="1:9" ht="24" x14ac:dyDescent="0.2">
      <c r="A503" s="4">
        <v>43556</v>
      </c>
      <c r="B503" s="5" t="s">
        <v>8</v>
      </c>
      <c r="C503" s="5" t="s">
        <v>1295</v>
      </c>
      <c r="D503" s="6" t="s">
        <v>1296</v>
      </c>
      <c r="E503" s="5" t="s">
        <v>1297</v>
      </c>
      <c r="F503" s="7">
        <v>32054</v>
      </c>
      <c r="G503" s="5" t="s">
        <v>71</v>
      </c>
      <c r="H503" s="6" t="s">
        <v>72</v>
      </c>
      <c r="I503" s="8">
        <v>43762</v>
      </c>
    </row>
    <row r="504" spans="1:9" ht="24" x14ac:dyDescent="0.2">
      <c r="A504" s="4">
        <v>43556</v>
      </c>
      <c r="B504" s="5" t="s">
        <v>8</v>
      </c>
      <c r="C504" s="5" t="s">
        <v>1295</v>
      </c>
      <c r="D504" s="6" t="s">
        <v>1298</v>
      </c>
      <c r="E504" s="5" t="s">
        <v>1299</v>
      </c>
      <c r="F504" s="7">
        <v>43560</v>
      </c>
      <c r="G504" s="5" t="s">
        <v>1300</v>
      </c>
      <c r="H504" s="6" t="s">
        <v>1301</v>
      </c>
      <c r="I504" s="8">
        <v>43768</v>
      </c>
    </row>
    <row r="505" spans="1:9" ht="36" x14ac:dyDescent="0.2">
      <c r="A505" s="4">
        <v>43556</v>
      </c>
      <c r="B505" s="5" t="s">
        <v>8</v>
      </c>
      <c r="C505" s="5" t="s">
        <v>1295</v>
      </c>
      <c r="D505" s="6" t="s">
        <v>1302</v>
      </c>
      <c r="E505" s="5" t="s">
        <v>1224</v>
      </c>
      <c r="F505" s="7">
        <v>8932</v>
      </c>
      <c r="G505" s="5" t="s">
        <v>1303</v>
      </c>
      <c r="H505" s="6" t="s">
        <v>1304</v>
      </c>
      <c r="I505" s="8">
        <v>43768</v>
      </c>
    </row>
    <row r="506" spans="1:9" ht="24" x14ac:dyDescent="0.2">
      <c r="A506" s="4">
        <v>43556</v>
      </c>
      <c r="B506" s="5" t="s">
        <v>8</v>
      </c>
      <c r="C506" s="5" t="s">
        <v>1295</v>
      </c>
      <c r="D506" s="6" t="s">
        <v>1305</v>
      </c>
      <c r="E506" s="5" t="s">
        <v>1306</v>
      </c>
      <c r="F506" s="7">
        <v>1738</v>
      </c>
      <c r="G506" s="5" t="s">
        <v>1307</v>
      </c>
      <c r="H506" s="6" t="s">
        <v>1308</v>
      </c>
      <c r="I506" s="8">
        <v>43769</v>
      </c>
    </row>
    <row r="507" spans="1:9" ht="24" x14ac:dyDescent="0.2">
      <c r="A507" s="4">
        <v>43556</v>
      </c>
      <c r="B507" s="5" t="s">
        <v>8</v>
      </c>
      <c r="C507" s="5" t="s">
        <v>1295</v>
      </c>
      <c r="D507" s="6" t="s">
        <v>1309</v>
      </c>
      <c r="E507" s="5" t="s">
        <v>629</v>
      </c>
      <c r="F507" s="7">
        <v>119955</v>
      </c>
      <c r="G507" s="5" t="s">
        <v>71</v>
      </c>
      <c r="H507" s="6" t="s">
        <v>72</v>
      </c>
      <c r="I507" s="8">
        <v>43798</v>
      </c>
    </row>
    <row r="508" spans="1:9" ht="24" x14ac:dyDescent="0.2">
      <c r="A508" s="4">
        <v>43556</v>
      </c>
      <c r="B508" s="5" t="s">
        <v>8</v>
      </c>
      <c r="C508" s="5" t="s">
        <v>1295</v>
      </c>
      <c r="D508" s="6" t="s">
        <v>1310</v>
      </c>
      <c r="E508" s="5" t="s">
        <v>786</v>
      </c>
      <c r="F508" s="7">
        <v>58212</v>
      </c>
      <c r="G508" s="5" t="s">
        <v>71</v>
      </c>
      <c r="H508" s="6" t="s">
        <v>72</v>
      </c>
      <c r="I508" s="8">
        <v>43805</v>
      </c>
    </row>
    <row r="509" spans="1:9" ht="24" x14ac:dyDescent="0.2">
      <c r="A509" s="4">
        <v>43556</v>
      </c>
      <c r="B509" s="5" t="s">
        <v>8</v>
      </c>
      <c r="C509" s="5" t="s">
        <v>1295</v>
      </c>
      <c r="D509" s="6" t="s">
        <v>1311</v>
      </c>
      <c r="E509" s="5" t="s">
        <v>1312</v>
      </c>
      <c r="F509" s="7">
        <v>7700</v>
      </c>
      <c r="G509" s="5" t="s">
        <v>1313</v>
      </c>
      <c r="H509" s="6" t="s">
        <v>1314</v>
      </c>
      <c r="I509" s="8">
        <v>43810</v>
      </c>
    </row>
    <row r="510" spans="1:9" ht="24" x14ac:dyDescent="0.2">
      <c r="A510" s="4">
        <v>43556</v>
      </c>
      <c r="B510" s="5" t="s">
        <v>8</v>
      </c>
      <c r="C510" s="5" t="s">
        <v>1295</v>
      </c>
      <c r="D510" s="6" t="s">
        <v>1315</v>
      </c>
      <c r="E510" s="5" t="s">
        <v>1316</v>
      </c>
      <c r="F510" s="7">
        <v>48158</v>
      </c>
      <c r="G510" s="5" t="s">
        <v>1317</v>
      </c>
      <c r="H510" s="6" t="s">
        <v>1259</v>
      </c>
      <c r="I510" s="8">
        <v>43818</v>
      </c>
    </row>
    <row r="511" spans="1:9" ht="24" x14ac:dyDescent="0.2">
      <c r="A511" s="4">
        <v>43556</v>
      </c>
      <c r="B511" s="5" t="s">
        <v>8</v>
      </c>
      <c r="C511" s="5" t="s">
        <v>1295</v>
      </c>
      <c r="D511" s="6" t="s">
        <v>1318</v>
      </c>
      <c r="E511" s="5" t="s">
        <v>1319</v>
      </c>
      <c r="F511" s="7">
        <v>195822</v>
      </c>
      <c r="G511" s="5" t="s">
        <v>774</v>
      </c>
      <c r="H511" s="6" t="s">
        <v>775</v>
      </c>
      <c r="I511" s="8">
        <v>43824</v>
      </c>
    </row>
    <row r="512" spans="1:9" ht="24" x14ac:dyDescent="0.2">
      <c r="A512" s="4">
        <v>43556</v>
      </c>
      <c r="B512" s="5" t="s">
        <v>8</v>
      </c>
      <c r="C512" s="5" t="s">
        <v>1320</v>
      </c>
      <c r="D512" s="6" t="s">
        <v>1321</v>
      </c>
      <c r="E512" s="5" t="s">
        <v>1322</v>
      </c>
      <c r="F512" s="7">
        <v>5236</v>
      </c>
      <c r="G512" s="5" t="s">
        <v>214</v>
      </c>
      <c r="H512" s="6" t="s">
        <v>215</v>
      </c>
      <c r="I512" s="8">
        <v>43739</v>
      </c>
    </row>
    <row r="513" spans="1:9" ht="24" x14ac:dyDescent="0.2">
      <c r="A513" s="4">
        <v>43556</v>
      </c>
      <c r="B513" s="5" t="s">
        <v>8</v>
      </c>
      <c r="C513" s="5" t="s">
        <v>1320</v>
      </c>
      <c r="D513" s="6" t="s">
        <v>1323</v>
      </c>
      <c r="E513" s="5" t="s">
        <v>1324</v>
      </c>
      <c r="F513" s="7">
        <v>64476</v>
      </c>
      <c r="G513" s="5" t="s">
        <v>1035</v>
      </c>
      <c r="H513" s="6" t="s">
        <v>1036</v>
      </c>
      <c r="I513" s="8">
        <v>43742</v>
      </c>
    </row>
    <row r="514" spans="1:9" ht="24" x14ac:dyDescent="0.2">
      <c r="A514" s="4">
        <v>43556</v>
      </c>
      <c r="B514" s="5" t="s">
        <v>8</v>
      </c>
      <c r="C514" s="5" t="s">
        <v>1320</v>
      </c>
      <c r="D514" s="6" t="s">
        <v>1325</v>
      </c>
      <c r="E514" s="5" t="s">
        <v>1326</v>
      </c>
      <c r="F514" s="7">
        <v>75600</v>
      </c>
      <c r="G514" s="5" t="s">
        <v>71</v>
      </c>
      <c r="H514" s="6" t="s">
        <v>72</v>
      </c>
      <c r="I514" s="8">
        <v>43745</v>
      </c>
    </row>
    <row r="515" spans="1:9" ht="24" x14ac:dyDescent="0.2">
      <c r="A515" s="4">
        <v>43556</v>
      </c>
      <c r="B515" s="5" t="s">
        <v>8</v>
      </c>
      <c r="C515" s="5" t="s">
        <v>1320</v>
      </c>
      <c r="D515" s="6" t="s">
        <v>1327</v>
      </c>
      <c r="E515" s="5" t="s">
        <v>1187</v>
      </c>
      <c r="F515" s="7">
        <v>21384</v>
      </c>
      <c r="G515" s="5" t="s">
        <v>625</v>
      </c>
      <c r="H515" s="6" t="s">
        <v>265</v>
      </c>
      <c r="I515" s="8">
        <v>43745</v>
      </c>
    </row>
    <row r="516" spans="1:9" ht="24" x14ac:dyDescent="0.2">
      <c r="A516" s="4">
        <v>43556</v>
      </c>
      <c r="B516" s="5" t="s">
        <v>8</v>
      </c>
      <c r="C516" s="5" t="s">
        <v>1320</v>
      </c>
      <c r="D516" s="6" t="s">
        <v>1328</v>
      </c>
      <c r="E516" s="5" t="s">
        <v>1329</v>
      </c>
      <c r="F516" s="7">
        <v>71804</v>
      </c>
      <c r="G516" s="5" t="s">
        <v>1330</v>
      </c>
      <c r="H516" s="6" t="s">
        <v>1331</v>
      </c>
      <c r="I516" s="8">
        <v>43754</v>
      </c>
    </row>
    <row r="517" spans="1:9" ht="24" x14ac:dyDescent="0.2">
      <c r="A517" s="4">
        <v>43556</v>
      </c>
      <c r="B517" s="5" t="s">
        <v>8</v>
      </c>
      <c r="C517" s="5" t="s">
        <v>1320</v>
      </c>
      <c r="D517" s="6" t="s">
        <v>1332</v>
      </c>
      <c r="E517" s="5" t="s">
        <v>1333</v>
      </c>
      <c r="F517" s="7">
        <v>13200</v>
      </c>
      <c r="G517" s="5" t="s">
        <v>1334</v>
      </c>
      <c r="H517" s="6" t="s">
        <v>820</v>
      </c>
      <c r="I517" s="8">
        <v>43762</v>
      </c>
    </row>
    <row r="518" spans="1:9" ht="24" x14ac:dyDescent="0.2">
      <c r="A518" s="4">
        <v>43556</v>
      </c>
      <c r="B518" s="5" t="s">
        <v>8</v>
      </c>
      <c r="C518" s="5" t="s">
        <v>1320</v>
      </c>
      <c r="D518" s="6" t="s">
        <v>1335</v>
      </c>
      <c r="E518" s="5" t="s">
        <v>197</v>
      </c>
      <c r="F518" s="7">
        <v>27907</v>
      </c>
      <c r="G518" s="5" t="s">
        <v>1336</v>
      </c>
      <c r="H518" s="6" t="s">
        <v>1337</v>
      </c>
      <c r="I518" s="8">
        <v>43766</v>
      </c>
    </row>
    <row r="519" spans="1:9" ht="24" x14ac:dyDescent="0.2">
      <c r="A519" s="4">
        <v>43556</v>
      </c>
      <c r="B519" s="5" t="s">
        <v>8</v>
      </c>
      <c r="C519" s="5" t="s">
        <v>1320</v>
      </c>
      <c r="D519" s="6" t="s">
        <v>1338</v>
      </c>
      <c r="E519" s="5" t="s">
        <v>1339</v>
      </c>
      <c r="F519" s="7">
        <v>59107</v>
      </c>
      <c r="G519" s="5" t="s">
        <v>1330</v>
      </c>
      <c r="H519" s="6" t="s">
        <v>1331</v>
      </c>
      <c r="I519" s="8">
        <v>43777</v>
      </c>
    </row>
    <row r="520" spans="1:9" ht="24" x14ac:dyDescent="0.2">
      <c r="A520" s="4">
        <v>43556</v>
      </c>
      <c r="B520" s="5" t="s">
        <v>8</v>
      </c>
      <c r="C520" s="5" t="s">
        <v>1320</v>
      </c>
      <c r="D520" s="6" t="s">
        <v>1340</v>
      </c>
      <c r="E520" s="5" t="s">
        <v>1341</v>
      </c>
      <c r="F520" s="7">
        <v>80850</v>
      </c>
      <c r="G520" s="5" t="s">
        <v>71</v>
      </c>
      <c r="H520" s="6" t="s">
        <v>72</v>
      </c>
      <c r="I520" s="8">
        <v>43780</v>
      </c>
    </row>
    <row r="521" spans="1:9" ht="24" x14ac:dyDescent="0.2">
      <c r="A521" s="4">
        <v>43556</v>
      </c>
      <c r="B521" s="5" t="s">
        <v>8</v>
      </c>
      <c r="C521" s="5" t="s">
        <v>1320</v>
      </c>
      <c r="D521" s="6" t="s">
        <v>1342</v>
      </c>
      <c r="E521" s="5" t="s">
        <v>1343</v>
      </c>
      <c r="F521" s="7">
        <v>11924</v>
      </c>
      <c r="G521" s="5" t="s">
        <v>1035</v>
      </c>
      <c r="H521" s="6" t="s">
        <v>1036</v>
      </c>
      <c r="I521" s="8">
        <v>43781</v>
      </c>
    </row>
    <row r="522" spans="1:9" ht="24" x14ac:dyDescent="0.2">
      <c r="A522" s="4">
        <v>43556</v>
      </c>
      <c r="B522" s="5" t="s">
        <v>8</v>
      </c>
      <c r="C522" s="5" t="s">
        <v>1320</v>
      </c>
      <c r="D522" s="6" t="s">
        <v>1344</v>
      </c>
      <c r="E522" s="5" t="s">
        <v>1345</v>
      </c>
      <c r="F522" s="7">
        <v>85030</v>
      </c>
      <c r="G522" s="5" t="s">
        <v>57</v>
      </c>
      <c r="H522" s="6" t="s">
        <v>58</v>
      </c>
      <c r="I522" s="8">
        <v>43782</v>
      </c>
    </row>
    <row r="523" spans="1:9" ht="24" x14ac:dyDescent="0.2">
      <c r="A523" s="4">
        <v>43556</v>
      </c>
      <c r="B523" s="5" t="s">
        <v>8</v>
      </c>
      <c r="C523" s="5" t="s">
        <v>1320</v>
      </c>
      <c r="D523" s="6" t="s">
        <v>1346</v>
      </c>
      <c r="E523" s="5" t="s">
        <v>1347</v>
      </c>
      <c r="F523" s="7">
        <v>442860</v>
      </c>
      <c r="G523" s="5" t="s">
        <v>1348</v>
      </c>
      <c r="H523" s="6" t="s">
        <v>1349</v>
      </c>
      <c r="I523" s="8">
        <v>43798</v>
      </c>
    </row>
    <row r="524" spans="1:9" ht="24" x14ac:dyDescent="0.2">
      <c r="A524" s="4">
        <v>43556</v>
      </c>
      <c r="B524" s="5" t="s">
        <v>8</v>
      </c>
      <c r="C524" s="5" t="s">
        <v>1320</v>
      </c>
      <c r="D524" s="6" t="s">
        <v>1350</v>
      </c>
      <c r="E524" s="5" t="s">
        <v>1351</v>
      </c>
      <c r="F524" s="7">
        <v>52602</v>
      </c>
      <c r="G524" s="5" t="s">
        <v>1352</v>
      </c>
      <c r="H524" s="6" t="s">
        <v>207</v>
      </c>
      <c r="I524" s="8">
        <v>43802</v>
      </c>
    </row>
    <row r="525" spans="1:9" ht="24" x14ac:dyDescent="0.2">
      <c r="A525" s="4">
        <v>43556</v>
      </c>
      <c r="B525" s="5" t="s">
        <v>8</v>
      </c>
      <c r="C525" s="5" t="s">
        <v>1320</v>
      </c>
      <c r="D525" s="6" t="s">
        <v>1353</v>
      </c>
      <c r="E525" s="5" t="s">
        <v>1354</v>
      </c>
      <c r="F525" s="7">
        <v>84381</v>
      </c>
      <c r="G525" s="5" t="s">
        <v>71</v>
      </c>
      <c r="H525" s="6" t="s">
        <v>72</v>
      </c>
      <c r="I525" s="8">
        <v>43805</v>
      </c>
    </row>
    <row r="526" spans="1:9" ht="24" x14ac:dyDescent="0.2">
      <c r="A526" s="4">
        <v>43556</v>
      </c>
      <c r="B526" s="5" t="s">
        <v>8</v>
      </c>
      <c r="C526" s="5" t="s">
        <v>1320</v>
      </c>
      <c r="D526" s="6" t="s">
        <v>1355</v>
      </c>
      <c r="E526" s="5" t="s">
        <v>1356</v>
      </c>
      <c r="F526" s="7">
        <v>18920</v>
      </c>
      <c r="G526" s="5" t="s">
        <v>1035</v>
      </c>
      <c r="H526" s="6" t="s">
        <v>1036</v>
      </c>
      <c r="I526" s="8">
        <v>43805</v>
      </c>
    </row>
    <row r="527" spans="1:9" ht="24" x14ac:dyDescent="0.2">
      <c r="A527" s="4">
        <v>43556</v>
      </c>
      <c r="B527" s="5" t="s">
        <v>8</v>
      </c>
      <c r="C527" s="5" t="s">
        <v>1320</v>
      </c>
      <c r="D527" s="6" t="s">
        <v>1357</v>
      </c>
      <c r="E527" s="5" t="s">
        <v>1358</v>
      </c>
      <c r="F527" s="7">
        <v>3520</v>
      </c>
      <c r="G527" s="5" t="s">
        <v>1035</v>
      </c>
      <c r="H527" s="6" t="s">
        <v>1036</v>
      </c>
      <c r="I527" s="8">
        <v>43805</v>
      </c>
    </row>
    <row r="528" spans="1:9" ht="24" x14ac:dyDescent="0.2">
      <c r="A528" s="4">
        <v>43556</v>
      </c>
      <c r="B528" s="5" t="s">
        <v>8</v>
      </c>
      <c r="C528" s="5" t="s">
        <v>1320</v>
      </c>
      <c r="D528" s="6" t="s">
        <v>1359</v>
      </c>
      <c r="E528" s="5" t="s">
        <v>1360</v>
      </c>
      <c r="F528" s="7">
        <v>115210</v>
      </c>
      <c r="G528" s="5" t="s">
        <v>1330</v>
      </c>
      <c r="H528" s="6" t="s">
        <v>1331</v>
      </c>
      <c r="I528" s="8">
        <v>43811</v>
      </c>
    </row>
    <row r="529" spans="1:9" ht="24" x14ac:dyDescent="0.2">
      <c r="A529" s="4">
        <v>43556</v>
      </c>
      <c r="B529" s="5" t="s">
        <v>8</v>
      </c>
      <c r="C529" s="5" t="s">
        <v>1320</v>
      </c>
      <c r="D529" s="6" t="s">
        <v>1361</v>
      </c>
      <c r="E529" s="5" t="s">
        <v>1362</v>
      </c>
      <c r="F529" s="7">
        <v>29645</v>
      </c>
      <c r="G529" s="5" t="s">
        <v>1336</v>
      </c>
      <c r="H529" s="6" t="s">
        <v>1337</v>
      </c>
      <c r="I529" s="8">
        <v>43815</v>
      </c>
    </row>
    <row r="530" spans="1:9" ht="24" x14ac:dyDescent="0.2">
      <c r="A530" s="4">
        <v>43556</v>
      </c>
      <c r="B530" s="5" t="s">
        <v>8</v>
      </c>
      <c r="C530" s="5" t="s">
        <v>1363</v>
      </c>
      <c r="D530" s="6" t="s">
        <v>1364</v>
      </c>
      <c r="E530" s="5" t="s">
        <v>1365</v>
      </c>
      <c r="F530" s="7">
        <v>59541</v>
      </c>
      <c r="G530" s="5" t="s">
        <v>1366</v>
      </c>
      <c r="H530" s="6" t="s">
        <v>1367</v>
      </c>
      <c r="I530" s="8">
        <v>43745</v>
      </c>
    </row>
    <row r="531" spans="1:9" ht="24" x14ac:dyDescent="0.2">
      <c r="A531" s="4">
        <v>43556</v>
      </c>
      <c r="B531" s="5" t="s">
        <v>8</v>
      </c>
      <c r="C531" s="5" t="s">
        <v>1363</v>
      </c>
      <c r="D531" s="6" t="s">
        <v>1368</v>
      </c>
      <c r="E531" s="5" t="s">
        <v>1369</v>
      </c>
      <c r="F531" s="7">
        <v>128671</v>
      </c>
      <c r="G531" s="5" t="s">
        <v>71</v>
      </c>
      <c r="H531" s="6" t="s">
        <v>72</v>
      </c>
      <c r="I531" s="8">
        <v>43745</v>
      </c>
    </row>
    <row r="532" spans="1:9" ht="24" x14ac:dyDescent="0.2">
      <c r="A532" s="4">
        <v>43556</v>
      </c>
      <c r="B532" s="5" t="s">
        <v>8</v>
      </c>
      <c r="C532" s="5" t="s">
        <v>1363</v>
      </c>
      <c r="D532" s="6" t="s">
        <v>1370</v>
      </c>
      <c r="E532" s="5" t="s">
        <v>1371</v>
      </c>
      <c r="F532" s="7">
        <v>80080</v>
      </c>
      <c r="G532" s="5" t="s">
        <v>214</v>
      </c>
      <c r="H532" s="6" t="s">
        <v>215</v>
      </c>
      <c r="I532" s="8">
        <v>43749</v>
      </c>
    </row>
    <row r="533" spans="1:9" ht="24" x14ac:dyDescent="0.2">
      <c r="A533" s="4">
        <v>43556</v>
      </c>
      <c r="B533" s="5" t="s">
        <v>8</v>
      </c>
      <c r="C533" s="5" t="s">
        <v>1363</v>
      </c>
      <c r="D533" s="6" t="s">
        <v>1372</v>
      </c>
      <c r="E533" s="5" t="s">
        <v>1373</v>
      </c>
      <c r="F533" s="7">
        <v>26620</v>
      </c>
      <c r="G533" s="5" t="s">
        <v>642</v>
      </c>
      <c r="H533" s="6" t="s">
        <v>58</v>
      </c>
      <c r="I533" s="8">
        <v>43756</v>
      </c>
    </row>
    <row r="534" spans="1:9" ht="24" x14ac:dyDescent="0.2">
      <c r="A534" s="4">
        <v>43556</v>
      </c>
      <c r="B534" s="5" t="s">
        <v>8</v>
      </c>
      <c r="C534" s="5" t="s">
        <v>1363</v>
      </c>
      <c r="D534" s="6" t="s">
        <v>1374</v>
      </c>
      <c r="E534" s="5" t="s">
        <v>1375</v>
      </c>
      <c r="F534" s="7">
        <v>122952</v>
      </c>
      <c r="G534" s="5" t="s">
        <v>765</v>
      </c>
      <c r="H534" s="6" t="s">
        <v>510</v>
      </c>
      <c r="I534" s="8">
        <v>43756</v>
      </c>
    </row>
    <row r="535" spans="1:9" ht="36" x14ac:dyDescent="0.2">
      <c r="A535" s="4">
        <v>43556</v>
      </c>
      <c r="B535" s="5" t="s">
        <v>8</v>
      </c>
      <c r="C535" s="5" t="s">
        <v>1363</v>
      </c>
      <c r="D535" s="6" t="s">
        <v>1376</v>
      </c>
      <c r="E535" s="5" t="s">
        <v>1377</v>
      </c>
      <c r="F535" s="7">
        <v>6600</v>
      </c>
      <c r="G535" s="5" t="s">
        <v>1378</v>
      </c>
      <c r="H535" s="6" t="s">
        <v>1379</v>
      </c>
      <c r="I535" s="8">
        <v>43761</v>
      </c>
    </row>
    <row r="536" spans="1:9" ht="24" x14ac:dyDescent="0.2">
      <c r="A536" s="4">
        <v>43556</v>
      </c>
      <c r="B536" s="5" t="s">
        <v>8</v>
      </c>
      <c r="C536" s="5" t="s">
        <v>1363</v>
      </c>
      <c r="D536" s="6" t="s">
        <v>1380</v>
      </c>
      <c r="E536" s="5" t="s">
        <v>1381</v>
      </c>
      <c r="F536" s="7">
        <v>15840</v>
      </c>
      <c r="G536" s="5" t="s">
        <v>1035</v>
      </c>
      <c r="H536" s="6" t="s">
        <v>1036</v>
      </c>
      <c r="I536" s="8">
        <v>43762</v>
      </c>
    </row>
    <row r="537" spans="1:9" ht="24" x14ac:dyDescent="0.2">
      <c r="A537" s="4">
        <v>43556</v>
      </c>
      <c r="B537" s="5" t="s">
        <v>8</v>
      </c>
      <c r="C537" s="5" t="s">
        <v>1363</v>
      </c>
      <c r="D537" s="6" t="s">
        <v>1382</v>
      </c>
      <c r="E537" s="5" t="s">
        <v>1383</v>
      </c>
      <c r="F537" s="7">
        <v>35640</v>
      </c>
      <c r="G537" s="5" t="s">
        <v>264</v>
      </c>
      <c r="H537" s="6" t="s">
        <v>265</v>
      </c>
      <c r="I537" s="8">
        <v>43776</v>
      </c>
    </row>
    <row r="538" spans="1:9" ht="24" x14ac:dyDescent="0.2">
      <c r="A538" s="4">
        <v>43556</v>
      </c>
      <c r="B538" s="5" t="s">
        <v>8</v>
      </c>
      <c r="C538" s="5" t="s">
        <v>1363</v>
      </c>
      <c r="D538" s="6" t="s">
        <v>1384</v>
      </c>
      <c r="E538" s="5" t="s">
        <v>1385</v>
      </c>
      <c r="F538" s="7">
        <v>129360</v>
      </c>
      <c r="G538" s="5" t="s">
        <v>71</v>
      </c>
      <c r="H538" s="6" t="s">
        <v>72</v>
      </c>
      <c r="I538" s="8">
        <v>43777</v>
      </c>
    </row>
    <row r="539" spans="1:9" ht="24" x14ac:dyDescent="0.2">
      <c r="A539" s="4">
        <v>43556</v>
      </c>
      <c r="B539" s="5" t="s">
        <v>8</v>
      </c>
      <c r="C539" s="5" t="s">
        <v>1363</v>
      </c>
      <c r="D539" s="6" t="s">
        <v>1386</v>
      </c>
      <c r="E539" s="5" t="s">
        <v>1387</v>
      </c>
      <c r="F539" s="7">
        <v>234355</v>
      </c>
      <c r="G539" s="5" t="s">
        <v>1366</v>
      </c>
      <c r="H539" s="6" t="s">
        <v>1367</v>
      </c>
      <c r="I539" s="8">
        <v>43777</v>
      </c>
    </row>
    <row r="540" spans="1:9" ht="24" x14ac:dyDescent="0.2">
      <c r="A540" s="4">
        <v>43556</v>
      </c>
      <c r="B540" s="5" t="s">
        <v>8</v>
      </c>
      <c r="C540" s="5" t="s">
        <v>1363</v>
      </c>
      <c r="D540" s="6" t="s">
        <v>1388</v>
      </c>
      <c r="E540" s="5" t="s">
        <v>1389</v>
      </c>
      <c r="F540" s="7">
        <v>7150</v>
      </c>
      <c r="G540" s="5" t="s">
        <v>1390</v>
      </c>
      <c r="H540" s="6" t="s">
        <v>207</v>
      </c>
      <c r="I540" s="8">
        <v>43787</v>
      </c>
    </row>
    <row r="541" spans="1:9" ht="24" x14ac:dyDescent="0.2">
      <c r="A541" s="4">
        <v>43556</v>
      </c>
      <c r="B541" s="5" t="s">
        <v>8</v>
      </c>
      <c r="C541" s="5" t="s">
        <v>1363</v>
      </c>
      <c r="D541" s="6" t="s">
        <v>1391</v>
      </c>
      <c r="E541" s="5" t="s">
        <v>1392</v>
      </c>
      <c r="F541" s="7">
        <v>456940</v>
      </c>
      <c r="G541" s="5" t="s">
        <v>1348</v>
      </c>
      <c r="H541" s="6" t="s">
        <v>1349</v>
      </c>
      <c r="I541" s="8">
        <v>43795</v>
      </c>
    </row>
    <row r="542" spans="1:9" ht="24" x14ac:dyDescent="0.2">
      <c r="A542" s="4">
        <v>43556</v>
      </c>
      <c r="B542" s="5" t="s">
        <v>8</v>
      </c>
      <c r="C542" s="5" t="s">
        <v>1363</v>
      </c>
      <c r="D542" s="6" t="s">
        <v>1393</v>
      </c>
      <c r="E542" s="5" t="s">
        <v>1394</v>
      </c>
      <c r="F542" s="7">
        <v>159500</v>
      </c>
      <c r="G542" s="5" t="s">
        <v>642</v>
      </c>
      <c r="H542" s="6" t="s">
        <v>58</v>
      </c>
      <c r="I542" s="8">
        <v>43796</v>
      </c>
    </row>
    <row r="543" spans="1:9" ht="24" x14ac:dyDescent="0.2">
      <c r="A543" s="4">
        <v>43556</v>
      </c>
      <c r="B543" s="5" t="s">
        <v>8</v>
      </c>
      <c r="C543" s="5" t="s">
        <v>1363</v>
      </c>
      <c r="D543" s="6" t="s">
        <v>1395</v>
      </c>
      <c r="E543" s="5" t="s">
        <v>1396</v>
      </c>
      <c r="F543" s="7">
        <v>5280</v>
      </c>
      <c r="G543" s="5" t="s">
        <v>1397</v>
      </c>
      <c r="H543" s="6" t="s">
        <v>1398</v>
      </c>
      <c r="I543" s="8">
        <v>43805</v>
      </c>
    </row>
    <row r="544" spans="1:9" ht="24" x14ac:dyDescent="0.2">
      <c r="A544" s="4">
        <v>43556</v>
      </c>
      <c r="B544" s="5" t="s">
        <v>8</v>
      </c>
      <c r="C544" s="5" t="s">
        <v>1363</v>
      </c>
      <c r="D544" s="6" t="s">
        <v>1399</v>
      </c>
      <c r="E544" s="5" t="s">
        <v>1400</v>
      </c>
      <c r="F544" s="7">
        <v>138250</v>
      </c>
      <c r="G544" s="5" t="s">
        <v>1366</v>
      </c>
      <c r="H544" s="6" t="s">
        <v>1367</v>
      </c>
      <c r="I544" s="8">
        <v>43805</v>
      </c>
    </row>
    <row r="545" spans="1:9" ht="24" x14ac:dyDescent="0.2">
      <c r="A545" s="4">
        <v>43556</v>
      </c>
      <c r="B545" s="5" t="s">
        <v>8</v>
      </c>
      <c r="C545" s="5" t="s">
        <v>1363</v>
      </c>
      <c r="D545" s="6" t="s">
        <v>1401</v>
      </c>
      <c r="E545" s="5" t="s">
        <v>1402</v>
      </c>
      <c r="F545" s="7">
        <v>85470</v>
      </c>
      <c r="G545" s="5" t="s">
        <v>642</v>
      </c>
      <c r="H545" s="6" t="s">
        <v>58</v>
      </c>
      <c r="I545" s="8">
        <v>43815</v>
      </c>
    </row>
    <row r="546" spans="1:9" ht="24" x14ac:dyDescent="0.2">
      <c r="A546" s="4">
        <v>43556</v>
      </c>
      <c r="B546" s="5" t="s">
        <v>8</v>
      </c>
      <c r="C546" s="5" t="s">
        <v>1363</v>
      </c>
      <c r="D546" s="6" t="s">
        <v>1403</v>
      </c>
      <c r="E546" s="5" t="s">
        <v>1404</v>
      </c>
      <c r="F546" s="7">
        <v>15007</v>
      </c>
      <c r="G546" s="5" t="s">
        <v>1405</v>
      </c>
      <c r="H546" s="6" t="s">
        <v>1406</v>
      </c>
      <c r="I546" s="8">
        <v>43816</v>
      </c>
    </row>
    <row r="547" spans="1:9" ht="24" x14ac:dyDescent="0.2">
      <c r="A547" s="4">
        <v>43556</v>
      </c>
      <c r="B547" s="5" t="s">
        <v>8</v>
      </c>
      <c r="C547" s="5" t="s">
        <v>1363</v>
      </c>
      <c r="D547" s="6" t="s">
        <v>1407</v>
      </c>
      <c r="E547" s="5" t="s">
        <v>1408</v>
      </c>
      <c r="F547" s="7">
        <v>43967</v>
      </c>
      <c r="G547" s="5" t="s">
        <v>1044</v>
      </c>
      <c r="H547" s="6" t="s">
        <v>637</v>
      </c>
      <c r="I547" s="8">
        <v>43817</v>
      </c>
    </row>
    <row r="548" spans="1:9" ht="24" x14ac:dyDescent="0.2">
      <c r="A548" s="4">
        <v>43556</v>
      </c>
      <c r="B548" s="5" t="s">
        <v>8</v>
      </c>
      <c r="C548" s="5" t="s">
        <v>1409</v>
      </c>
      <c r="D548" s="6" t="s">
        <v>1410</v>
      </c>
      <c r="E548" s="5" t="s">
        <v>1411</v>
      </c>
      <c r="F548" s="7">
        <v>97977</v>
      </c>
      <c r="G548" s="5" t="s">
        <v>71</v>
      </c>
      <c r="H548" s="6" t="s">
        <v>72</v>
      </c>
      <c r="I548" s="8">
        <v>43745</v>
      </c>
    </row>
    <row r="549" spans="1:9" ht="24" x14ac:dyDescent="0.2">
      <c r="A549" s="4">
        <v>43556</v>
      </c>
      <c r="B549" s="5" t="s">
        <v>8</v>
      </c>
      <c r="C549" s="5" t="s">
        <v>1409</v>
      </c>
      <c r="D549" s="6" t="s">
        <v>1412</v>
      </c>
      <c r="E549" s="5" t="s">
        <v>760</v>
      </c>
      <c r="F549" s="7">
        <v>68153</v>
      </c>
      <c r="G549" s="5" t="s">
        <v>1413</v>
      </c>
      <c r="H549" s="6" t="s">
        <v>1367</v>
      </c>
      <c r="I549" s="8">
        <v>43745</v>
      </c>
    </row>
    <row r="550" spans="1:9" ht="24" x14ac:dyDescent="0.2">
      <c r="A550" s="4">
        <v>43556</v>
      </c>
      <c r="B550" s="5" t="s">
        <v>8</v>
      </c>
      <c r="C550" s="5" t="s">
        <v>1409</v>
      </c>
      <c r="D550" s="6" t="s">
        <v>1414</v>
      </c>
      <c r="E550" s="5" t="s">
        <v>1415</v>
      </c>
      <c r="F550" s="7">
        <v>40381</v>
      </c>
      <c r="G550" s="5" t="s">
        <v>1035</v>
      </c>
      <c r="H550" s="6" t="s">
        <v>1036</v>
      </c>
      <c r="I550" s="8">
        <v>43746</v>
      </c>
    </row>
    <row r="551" spans="1:9" ht="24" x14ac:dyDescent="0.2">
      <c r="A551" s="4">
        <v>43556</v>
      </c>
      <c r="B551" s="5" t="s">
        <v>8</v>
      </c>
      <c r="C551" s="5" t="s">
        <v>1409</v>
      </c>
      <c r="D551" s="6" t="s">
        <v>1416</v>
      </c>
      <c r="E551" s="5" t="s">
        <v>1417</v>
      </c>
      <c r="F551" s="7">
        <v>12980</v>
      </c>
      <c r="G551" s="5" t="s">
        <v>1418</v>
      </c>
      <c r="H551" s="6" t="s">
        <v>1419</v>
      </c>
      <c r="I551" s="8">
        <v>43755</v>
      </c>
    </row>
    <row r="552" spans="1:9" ht="24" x14ac:dyDescent="0.2">
      <c r="A552" s="4">
        <v>43556</v>
      </c>
      <c r="B552" s="5" t="s">
        <v>8</v>
      </c>
      <c r="C552" s="5" t="s">
        <v>1409</v>
      </c>
      <c r="D552" s="6" t="s">
        <v>1420</v>
      </c>
      <c r="E552" s="5" t="s">
        <v>1224</v>
      </c>
      <c r="F552" s="7">
        <v>3861</v>
      </c>
      <c r="G552" s="5" t="s">
        <v>1421</v>
      </c>
      <c r="H552" s="6" t="s">
        <v>1422</v>
      </c>
      <c r="I552" s="8">
        <v>43756</v>
      </c>
    </row>
    <row r="553" spans="1:9" ht="24" x14ac:dyDescent="0.2">
      <c r="A553" s="4">
        <v>43556</v>
      </c>
      <c r="B553" s="5" t="s">
        <v>8</v>
      </c>
      <c r="C553" s="5" t="s">
        <v>1409</v>
      </c>
      <c r="D553" s="6" t="s">
        <v>1423</v>
      </c>
      <c r="E553" s="5" t="s">
        <v>1424</v>
      </c>
      <c r="F553" s="7">
        <v>29260</v>
      </c>
      <c r="G553" s="5" t="s">
        <v>1390</v>
      </c>
      <c r="H553" s="6" t="s">
        <v>207</v>
      </c>
      <c r="I553" s="8">
        <v>43766</v>
      </c>
    </row>
    <row r="554" spans="1:9" ht="24" x14ac:dyDescent="0.2">
      <c r="A554" s="4">
        <v>43556</v>
      </c>
      <c r="B554" s="5" t="s">
        <v>8</v>
      </c>
      <c r="C554" s="5" t="s">
        <v>1409</v>
      </c>
      <c r="D554" s="6" t="s">
        <v>1425</v>
      </c>
      <c r="E554" s="5" t="s">
        <v>1426</v>
      </c>
      <c r="F554" s="7">
        <v>81350</v>
      </c>
      <c r="G554" s="5" t="s">
        <v>1413</v>
      </c>
      <c r="H554" s="6" t="s">
        <v>1367</v>
      </c>
      <c r="I554" s="8">
        <v>43776</v>
      </c>
    </row>
    <row r="555" spans="1:9" ht="24" x14ac:dyDescent="0.2">
      <c r="A555" s="4">
        <v>43556</v>
      </c>
      <c r="B555" s="5" t="s">
        <v>8</v>
      </c>
      <c r="C555" s="5" t="s">
        <v>1409</v>
      </c>
      <c r="D555" s="6" t="s">
        <v>1427</v>
      </c>
      <c r="E555" s="5" t="s">
        <v>1428</v>
      </c>
      <c r="F555" s="7">
        <v>115439</v>
      </c>
      <c r="G555" s="5" t="s">
        <v>1413</v>
      </c>
      <c r="H555" s="6" t="s">
        <v>1367</v>
      </c>
      <c r="I555" s="8">
        <v>43776</v>
      </c>
    </row>
    <row r="556" spans="1:9" ht="24" x14ac:dyDescent="0.2">
      <c r="A556" s="4">
        <v>43556</v>
      </c>
      <c r="B556" s="5" t="s">
        <v>8</v>
      </c>
      <c r="C556" s="5" t="s">
        <v>1409</v>
      </c>
      <c r="D556" s="6" t="s">
        <v>1429</v>
      </c>
      <c r="E556" s="5" t="s">
        <v>1430</v>
      </c>
      <c r="F556" s="7">
        <v>97020</v>
      </c>
      <c r="G556" s="5" t="s">
        <v>71</v>
      </c>
      <c r="H556" s="6" t="s">
        <v>72</v>
      </c>
      <c r="I556" s="8">
        <v>43776</v>
      </c>
    </row>
    <row r="557" spans="1:9" ht="24" x14ac:dyDescent="0.2">
      <c r="A557" s="4">
        <v>43556</v>
      </c>
      <c r="B557" s="5" t="s">
        <v>8</v>
      </c>
      <c r="C557" s="5" t="s">
        <v>1409</v>
      </c>
      <c r="D557" s="6" t="s">
        <v>1431</v>
      </c>
      <c r="E557" s="5" t="s">
        <v>1432</v>
      </c>
      <c r="F557" s="7">
        <v>24420</v>
      </c>
      <c r="G557" s="5" t="s">
        <v>1035</v>
      </c>
      <c r="H557" s="6" t="s">
        <v>1036</v>
      </c>
      <c r="I557" s="8">
        <v>43780</v>
      </c>
    </row>
    <row r="558" spans="1:9" ht="24" x14ac:dyDescent="0.2">
      <c r="A558" s="4">
        <v>43556</v>
      </c>
      <c r="B558" s="5" t="s">
        <v>8</v>
      </c>
      <c r="C558" s="5" t="s">
        <v>1409</v>
      </c>
      <c r="D558" s="6" t="s">
        <v>1433</v>
      </c>
      <c r="E558" s="5" t="s">
        <v>1434</v>
      </c>
      <c r="F558" s="7">
        <v>12430</v>
      </c>
      <c r="G558" s="5" t="s">
        <v>918</v>
      </c>
      <c r="H558" s="6" t="s">
        <v>510</v>
      </c>
      <c r="I558" s="8">
        <v>43782</v>
      </c>
    </row>
    <row r="559" spans="1:9" ht="24" x14ac:dyDescent="0.2">
      <c r="A559" s="4">
        <v>43556</v>
      </c>
      <c r="B559" s="5" t="s">
        <v>8</v>
      </c>
      <c r="C559" s="5" t="s">
        <v>1409</v>
      </c>
      <c r="D559" s="6" t="s">
        <v>1435</v>
      </c>
      <c r="E559" s="5" t="s">
        <v>712</v>
      </c>
      <c r="F559" s="7">
        <v>24750</v>
      </c>
      <c r="G559" s="5" t="s">
        <v>625</v>
      </c>
      <c r="H559" s="6" t="s">
        <v>265</v>
      </c>
      <c r="I559" s="8">
        <v>43791</v>
      </c>
    </row>
    <row r="560" spans="1:9" ht="24" x14ac:dyDescent="0.2">
      <c r="A560" s="4">
        <v>43556</v>
      </c>
      <c r="B560" s="5" t="s">
        <v>8</v>
      </c>
      <c r="C560" s="5" t="s">
        <v>1409</v>
      </c>
      <c r="D560" s="6" t="s">
        <v>1436</v>
      </c>
      <c r="E560" s="5" t="s">
        <v>1437</v>
      </c>
      <c r="F560" s="7">
        <v>39954</v>
      </c>
      <c r="G560" s="5" t="s">
        <v>1413</v>
      </c>
      <c r="H560" s="6" t="s">
        <v>1367</v>
      </c>
      <c r="I560" s="8">
        <v>43796</v>
      </c>
    </row>
    <row r="561" spans="1:9" ht="24" x14ac:dyDescent="0.2">
      <c r="A561" s="4">
        <v>43556</v>
      </c>
      <c r="B561" s="5" t="s">
        <v>8</v>
      </c>
      <c r="C561" s="5" t="s">
        <v>1409</v>
      </c>
      <c r="D561" s="6" t="s">
        <v>1438</v>
      </c>
      <c r="E561" s="5" t="s">
        <v>1439</v>
      </c>
      <c r="F561" s="7">
        <v>80113</v>
      </c>
      <c r="G561" s="5" t="s">
        <v>1413</v>
      </c>
      <c r="H561" s="6" t="s">
        <v>1367</v>
      </c>
      <c r="I561" s="8">
        <v>43803</v>
      </c>
    </row>
    <row r="562" spans="1:9" ht="24" x14ac:dyDescent="0.2">
      <c r="A562" s="4">
        <v>43556</v>
      </c>
      <c r="B562" s="5" t="s">
        <v>8</v>
      </c>
      <c r="C562" s="5" t="s">
        <v>1409</v>
      </c>
      <c r="D562" s="6" t="s">
        <v>1440</v>
      </c>
      <c r="E562" s="5" t="s">
        <v>1441</v>
      </c>
      <c r="F562" s="7">
        <v>107613</v>
      </c>
      <c r="G562" s="5" t="s">
        <v>71</v>
      </c>
      <c r="H562" s="6" t="s">
        <v>72</v>
      </c>
      <c r="I562" s="8">
        <v>43804</v>
      </c>
    </row>
    <row r="563" spans="1:9" ht="24" x14ac:dyDescent="0.2">
      <c r="A563" s="4">
        <v>43556</v>
      </c>
      <c r="B563" s="5" t="s">
        <v>8</v>
      </c>
      <c r="C563" s="5" t="s">
        <v>1409</v>
      </c>
      <c r="D563" s="6" t="s">
        <v>1442</v>
      </c>
      <c r="E563" s="5" t="s">
        <v>1443</v>
      </c>
      <c r="F563" s="7">
        <v>13376</v>
      </c>
      <c r="G563" s="5" t="s">
        <v>1444</v>
      </c>
      <c r="H563" s="6" t="s">
        <v>820</v>
      </c>
      <c r="I563" s="8">
        <v>43805</v>
      </c>
    </row>
    <row r="564" spans="1:9" ht="24" x14ac:dyDescent="0.2">
      <c r="A564" s="4">
        <v>43556</v>
      </c>
      <c r="B564" s="5" t="s">
        <v>8</v>
      </c>
      <c r="C564" s="5" t="s">
        <v>1409</v>
      </c>
      <c r="D564" s="6" t="s">
        <v>1445</v>
      </c>
      <c r="E564" s="5" t="s">
        <v>720</v>
      </c>
      <c r="F564" s="7">
        <v>24750</v>
      </c>
      <c r="G564" s="5" t="s">
        <v>625</v>
      </c>
      <c r="H564" s="6" t="s">
        <v>265</v>
      </c>
      <c r="I564" s="8">
        <v>43810</v>
      </c>
    </row>
    <row r="565" spans="1:9" ht="24" x14ac:dyDescent="0.2">
      <c r="A565" s="4">
        <v>43556</v>
      </c>
      <c r="B565" s="5" t="s">
        <v>8</v>
      </c>
      <c r="C565" s="5" t="s">
        <v>1409</v>
      </c>
      <c r="D565" s="6" t="s">
        <v>1446</v>
      </c>
      <c r="E565" s="5" t="s">
        <v>1447</v>
      </c>
      <c r="F565" s="7">
        <v>28160</v>
      </c>
      <c r="G565" s="5" t="s">
        <v>1035</v>
      </c>
      <c r="H565" s="6" t="s">
        <v>1036</v>
      </c>
      <c r="I565" s="8">
        <v>43819</v>
      </c>
    </row>
    <row r="566" spans="1:9" ht="24" x14ac:dyDescent="0.2">
      <c r="A566" s="4">
        <v>43556</v>
      </c>
      <c r="B566" s="5" t="s">
        <v>8</v>
      </c>
      <c r="C566" s="5" t="s">
        <v>1448</v>
      </c>
      <c r="D566" s="6" t="s">
        <v>1449</v>
      </c>
      <c r="E566" s="5" t="s">
        <v>1450</v>
      </c>
      <c r="F566" s="7">
        <v>79682</v>
      </c>
      <c r="G566" s="5" t="s">
        <v>71</v>
      </c>
      <c r="H566" s="6" t="s">
        <v>72</v>
      </c>
      <c r="I566" s="8">
        <v>43747</v>
      </c>
    </row>
    <row r="567" spans="1:9" ht="24" x14ac:dyDescent="0.2">
      <c r="A567" s="4">
        <v>43556</v>
      </c>
      <c r="B567" s="5" t="s">
        <v>8</v>
      </c>
      <c r="C567" s="5" t="s">
        <v>1448</v>
      </c>
      <c r="D567" s="6" t="s">
        <v>1451</v>
      </c>
      <c r="E567" s="5" t="s">
        <v>1161</v>
      </c>
      <c r="F567" s="7">
        <v>15098</v>
      </c>
      <c r="G567" s="5" t="s">
        <v>214</v>
      </c>
      <c r="H567" s="6" t="s">
        <v>215</v>
      </c>
      <c r="I567" s="8">
        <v>43747</v>
      </c>
    </row>
    <row r="568" spans="1:9" ht="24" x14ac:dyDescent="0.2">
      <c r="A568" s="4">
        <v>43556</v>
      </c>
      <c r="B568" s="5" t="s">
        <v>8</v>
      </c>
      <c r="C568" s="5" t="s">
        <v>1448</v>
      </c>
      <c r="D568" s="6" t="s">
        <v>1452</v>
      </c>
      <c r="E568" s="5" t="s">
        <v>1453</v>
      </c>
      <c r="F568" s="7">
        <v>8778</v>
      </c>
      <c r="G568" s="5" t="s">
        <v>1336</v>
      </c>
      <c r="H568" s="6" t="s">
        <v>1337</v>
      </c>
      <c r="I568" s="8">
        <v>43747</v>
      </c>
    </row>
    <row r="569" spans="1:9" ht="24" x14ac:dyDescent="0.2">
      <c r="A569" s="4">
        <v>43556</v>
      </c>
      <c r="B569" s="5" t="s">
        <v>8</v>
      </c>
      <c r="C569" s="5" t="s">
        <v>1448</v>
      </c>
      <c r="D569" s="6" t="s">
        <v>1454</v>
      </c>
      <c r="E569" s="5" t="s">
        <v>1455</v>
      </c>
      <c r="F569" s="7">
        <v>68510</v>
      </c>
      <c r="G569" s="5" t="s">
        <v>1456</v>
      </c>
      <c r="H569" s="6" t="s">
        <v>1331</v>
      </c>
      <c r="I569" s="8">
        <v>43749</v>
      </c>
    </row>
    <row r="570" spans="1:9" ht="24" x14ac:dyDescent="0.2">
      <c r="A570" s="4">
        <v>43556</v>
      </c>
      <c r="B570" s="5" t="s">
        <v>8</v>
      </c>
      <c r="C570" s="5" t="s">
        <v>1448</v>
      </c>
      <c r="D570" s="6" t="s">
        <v>1457</v>
      </c>
      <c r="E570" s="5" t="s">
        <v>1458</v>
      </c>
      <c r="F570" s="7">
        <v>40425</v>
      </c>
      <c r="G570" s="5" t="s">
        <v>1352</v>
      </c>
      <c r="H570" s="6" t="s">
        <v>207</v>
      </c>
      <c r="I570" s="8">
        <v>43756</v>
      </c>
    </row>
    <row r="571" spans="1:9" ht="24" x14ac:dyDescent="0.2">
      <c r="A571" s="4">
        <v>43556</v>
      </c>
      <c r="B571" s="5" t="s">
        <v>8</v>
      </c>
      <c r="C571" s="5" t="s">
        <v>1448</v>
      </c>
      <c r="D571" s="6" t="s">
        <v>1459</v>
      </c>
      <c r="E571" s="5" t="s">
        <v>1460</v>
      </c>
      <c r="F571" s="7">
        <v>236921</v>
      </c>
      <c r="G571" s="5" t="s">
        <v>1461</v>
      </c>
      <c r="H571" s="6" t="s">
        <v>1030</v>
      </c>
      <c r="I571" s="8">
        <v>43759</v>
      </c>
    </row>
    <row r="572" spans="1:9" ht="24" x14ac:dyDescent="0.2">
      <c r="A572" s="4">
        <v>43556</v>
      </c>
      <c r="B572" s="5" t="s">
        <v>8</v>
      </c>
      <c r="C572" s="5" t="s">
        <v>1448</v>
      </c>
      <c r="D572" s="6" t="s">
        <v>1462</v>
      </c>
      <c r="E572" s="5" t="s">
        <v>1463</v>
      </c>
      <c r="F572" s="7">
        <v>4356</v>
      </c>
      <c r="G572" s="5" t="s">
        <v>1464</v>
      </c>
      <c r="H572" s="6" t="s">
        <v>1465</v>
      </c>
      <c r="I572" s="8">
        <v>43761</v>
      </c>
    </row>
    <row r="573" spans="1:9" ht="24" x14ac:dyDescent="0.2">
      <c r="A573" s="4">
        <v>43556</v>
      </c>
      <c r="B573" s="5" t="s">
        <v>8</v>
      </c>
      <c r="C573" s="5" t="s">
        <v>1448</v>
      </c>
      <c r="D573" s="6" t="s">
        <v>1466</v>
      </c>
      <c r="E573" s="5" t="s">
        <v>1467</v>
      </c>
      <c r="F573" s="7">
        <v>127893</v>
      </c>
      <c r="G573" s="5" t="s">
        <v>1461</v>
      </c>
      <c r="H573" s="6" t="s">
        <v>1030</v>
      </c>
      <c r="I573" s="8">
        <v>43762</v>
      </c>
    </row>
    <row r="574" spans="1:9" ht="24" x14ac:dyDescent="0.2">
      <c r="A574" s="4">
        <v>43556</v>
      </c>
      <c r="B574" s="5" t="s">
        <v>8</v>
      </c>
      <c r="C574" s="5" t="s">
        <v>1448</v>
      </c>
      <c r="D574" s="6" t="s">
        <v>1468</v>
      </c>
      <c r="E574" s="5" t="s">
        <v>631</v>
      </c>
      <c r="F574" s="7">
        <v>15378</v>
      </c>
      <c r="G574" s="5" t="s">
        <v>214</v>
      </c>
      <c r="H574" s="6" t="s">
        <v>215</v>
      </c>
      <c r="I574" s="8">
        <v>43775</v>
      </c>
    </row>
    <row r="575" spans="1:9" ht="24" x14ac:dyDescent="0.2">
      <c r="A575" s="4">
        <v>43556</v>
      </c>
      <c r="B575" s="5" t="s">
        <v>8</v>
      </c>
      <c r="C575" s="5" t="s">
        <v>1448</v>
      </c>
      <c r="D575" s="6" t="s">
        <v>1469</v>
      </c>
      <c r="E575" s="5" t="s">
        <v>641</v>
      </c>
      <c r="F575" s="7">
        <v>9784</v>
      </c>
      <c r="G575" s="5" t="s">
        <v>1336</v>
      </c>
      <c r="H575" s="6" t="s">
        <v>1337</v>
      </c>
      <c r="I575" s="8">
        <v>43775</v>
      </c>
    </row>
    <row r="576" spans="1:9" ht="24" x14ac:dyDescent="0.2">
      <c r="A576" s="4">
        <v>43556</v>
      </c>
      <c r="B576" s="5" t="s">
        <v>8</v>
      </c>
      <c r="C576" s="5" t="s">
        <v>1448</v>
      </c>
      <c r="D576" s="6" t="s">
        <v>1470</v>
      </c>
      <c r="E576" s="5" t="s">
        <v>629</v>
      </c>
      <c r="F576" s="7">
        <v>80850</v>
      </c>
      <c r="G576" s="5" t="s">
        <v>71</v>
      </c>
      <c r="H576" s="6" t="s">
        <v>72</v>
      </c>
      <c r="I576" s="8">
        <v>43777</v>
      </c>
    </row>
    <row r="577" spans="1:9" ht="24" x14ac:dyDescent="0.2">
      <c r="A577" s="4">
        <v>43556</v>
      </c>
      <c r="B577" s="5" t="s">
        <v>8</v>
      </c>
      <c r="C577" s="5" t="s">
        <v>1448</v>
      </c>
      <c r="D577" s="6" t="s">
        <v>1471</v>
      </c>
      <c r="E577" s="5" t="s">
        <v>1472</v>
      </c>
      <c r="F577" s="7">
        <v>10560</v>
      </c>
      <c r="G577" s="5" t="s">
        <v>1461</v>
      </c>
      <c r="H577" s="6" t="s">
        <v>1030</v>
      </c>
      <c r="I577" s="8">
        <v>43780</v>
      </c>
    </row>
    <row r="578" spans="1:9" ht="24" x14ac:dyDescent="0.2">
      <c r="A578" s="4">
        <v>43556</v>
      </c>
      <c r="B578" s="5" t="s">
        <v>8</v>
      </c>
      <c r="C578" s="5" t="s">
        <v>1448</v>
      </c>
      <c r="D578" s="6" t="s">
        <v>1473</v>
      </c>
      <c r="E578" s="5" t="s">
        <v>1474</v>
      </c>
      <c r="F578" s="7">
        <v>27500</v>
      </c>
      <c r="G578" s="5" t="s">
        <v>1461</v>
      </c>
      <c r="H578" s="6" t="s">
        <v>1030</v>
      </c>
      <c r="I578" s="8">
        <v>43789</v>
      </c>
    </row>
    <row r="579" spans="1:9" ht="24" x14ac:dyDescent="0.2">
      <c r="A579" s="4">
        <v>43556</v>
      </c>
      <c r="B579" s="5" t="s">
        <v>8</v>
      </c>
      <c r="C579" s="5" t="s">
        <v>1448</v>
      </c>
      <c r="D579" s="6" t="s">
        <v>1475</v>
      </c>
      <c r="E579" s="5" t="s">
        <v>1010</v>
      </c>
      <c r="F579" s="7">
        <v>15378</v>
      </c>
      <c r="G579" s="5" t="s">
        <v>214</v>
      </c>
      <c r="H579" s="6" t="s">
        <v>215</v>
      </c>
      <c r="I579" s="8">
        <v>43808</v>
      </c>
    </row>
    <row r="580" spans="1:9" ht="24" x14ac:dyDescent="0.2">
      <c r="A580" s="4">
        <v>43556</v>
      </c>
      <c r="B580" s="5" t="s">
        <v>8</v>
      </c>
      <c r="C580" s="5" t="s">
        <v>1448</v>
      </c>
      <c r="D580" s="6" t="s">
        <v>1476</v>
      </c>
      <c r="E580" s="5" t="s">
        <v>1477</v>
      </c>
      <c r="F580" s="7">
        <v>65513</v>
      </c>
      <c r="G580" s="5" t="s">
        <v>1461</v>
      </c>
      <c r="H580" s="6" t="s">
        <v>1030</v>
      </c>
      <c r="I580" s="8">
        <v>43808</v>
      </c>
    </row>
    <row r="581" spans="1:9" ht="24" x14ac:dyDescent="0.2">
      <c r="A581" s="4">
        <v>43556</v>
      </c>
      <c r="B581" s="5" t="s">
        <v>8</v>
      </c>
      <c r="C581" s="5" t="s">
        <v>1448</v>
      </c>
      <c r="D581" s="6" t="s">
        <v>1478</v>
      </c>
      <c r="E581" s="5" t="s">
        <v>1479</v>
      </c>
      <c r="F581" s="7">
        <v>68200</v>
      </c>
      <c r="G581" s="5" t="s">
        <v>1480</v>
      </c>
      <c r="H581" s="6" t="s">
        <v>820</v>
      </c>
      <c r="I581" s="8">
        <v>43811</v>
      </c>
    </row>
    <row r="582" spans="1:9" ht="24" x14ac:dyDescent="0.2">
      <c r="A582" s="4">
        <v>43556</v>
      </c>
      <c r="B582" s="5" t="s">
        <v>8</v>
      </c>
      <c r="C582" s="5" t="s">
        <v>1448</v>
      </c>
      <c r="D582" s="6" t="s">
        <v>1481</v>
      </c>
      <c r="E582" s="5" t="s">
        <v>1482</v>
      </c>
      <c r="F582" s="7">
        <v>49500</v>
      </c>
      <c r="G582" s="5" t="s">
        <v>1483</v>
      </c>
      <c r="H582" s="6" t="s">
        <v>1484</v>
      </c>
      <c r="I582" s="8">
        <v>43819</v>
      </c>
    </row>
    <row r="583" spans="1:9" ht="24" x14ac:dyDescent="0.2">
      <c r="A583" s="4">
        <v>43556</v>
      </c>
      <c r="B583" s="5" t="s">
        <v>8</v>
      </c>
      <c r="C583" s="5" t="s">
        <v>1485</v>
      </c>
      <c r="D583" s="6" t="s">
        <v>1486</v>
      </c>
      <c r="E583" s="5" t="s">
        <v>1001</v>
      </c>
      <c r="F583" s="7">
        <v>72900</v>
      </c>
      <c r="G583" s="5" t="s">
        <v>1487</v>
      </c>
      <c r="H583" s="6" t="s">
        <v>1488</v>
      </c>
      <c r="I583" s="8">
        <v>43745</v>
      </c>
    </row>
    <row r="584" spans="1:9" ht="24" x14ac:dyDescent="0.2">
      <c r="A584" s="4">
        <v>43556</v>
      </c>
      <c r="B584" s="5" t="s">
        <v>8</v>
      </c>
      <c r="C584" s="5" t="s">
        <v>1485</v>
      </c>
      <c r="D584" s="6" t="s">
        <v>1489</v>
      </c>
      <c r="E584" s="5" t="s">
        <v>737</v>
      </c>
      <c r="F584" s="7">
        <v>42558</v>
      </c>
      <c r="G584" s="5" t="s">
        <v>1490</v>
      </c>
      <c r="H584" s="6" t="s">
        <v>1078</v>
      </c>
      <c r="I584" s="8">
        <v>43745</v>
      </c>
    </row>
    <row r="585" spans="1:9" ht="24" x14ac:dyDescent="0.2">
      <c r="A585" s="4">
        <v>43556</v>
      </c>
      <c r="B585" s="5" t="s">
        <v>8</v>
      </c>
      <c r="C585" s="5" t="s">
        <v>1485</v>
      </c>
      <c r="D585" s="6" t="s">
        <v>1491</v>
      </c>
      <c r="E585" s="5" t="s">
        <v>995</v>
      </c>
      <c r="F585" s="7">
        <v>158873</v>
      </c>
      <c r="G585" s="5" t="s">
        <v>1492</v>
      </c>
      <c r="H585" s="6" t="s">
        <v>1493</v>
      </c>
      <c r="I585" s="8">
        <v>43753</v>
      </c>
    </row>
    <row r="586" spans="1:9" x14ac:dyDescent="0.2">
      <c r="A586" s="4">
        <v>43556</v>
      </c>
      <c r="B586" s="5" t="s">
        <v>8</v>
      </c>
      <c r="C586" s="5" t="s">
        <v>1485</v>
      </c>
      <c r="D586" s="6" t="s">
        <v>1494</v>
      </c>
      <c r="E586" s="5" t="s">
        <v>1495</v>
      </c>
      <c r="F586" s="7">
        <v>5000</v>
      </c>
      <c r="G586" s="5" t="s">
        <v>2487</v>
      </c>
      <c r="H586" s="6" t="s">
        <v>33</v>
      </c>
      <c r="I586" s="8">
        <v>43762</v>
      </c>
    </row>
    <row r="587" spans="1:9" ht="24" x14ac:dyDescent="0.2">
      <c r="A587" s="4">
        <v>43556</v>
      </c>
      <c r="B587" s="5" t="s">
        <v>8</v>
      </c>
      <c r="C587" s="5" t="s">
        <v>1485</v>
      </c>
      <c r="D587" s="6" t="s">
        <v>1496</v>
      </c>
      <c r="E587" s="5" t="s">
        <v>1497</v>
      </c>
      <c r="F587" s="7">
        <v>65670</v>
      </c>
      <c r="G587" s="5" t="s">
        <v>887</v>
      </c>
      <c r="H587" s="6" t="s">
        <v>888</v>
      </c>
      <c r="I587" s="8">
        <v>43762</v>
      </c>
    </row>
    <row r="588" spans="1:9" ht="24" x14ac:dyDescent="0.2">
      <c r="A588" s="4">
        <v>43556</v>
      </c>
      <c r="B588" s="5" t="s">
        <v>8</v>
      </c>
      <c r="C588" s="5" t="s">
        <v>1485</v>
      </c>
      <c r="D588" s="6" t="s">
        <v>1498</v>
      </c>
      <c r="E588" s="5" t="s">
        <v>1499</v>
      </c>
      <c r="F588" s="7">
        <v>12133</v>
      </c>
      <c r="G588" s="5" t="s">
        <v>1492</v>
      </c>
      <c r="H588" s="6" t="s">
        <v>1493</v>
      </c>
      <c r="I588" s="8">
        <v>43762</v>
      </c>
    </row>
    <row r="589" spans="1:9" ht="24" x14ac:dyDescent="0.2">
      <c r="A589" s="4">
        <v>43556</v>
      </c>
      <c r="B589" s="5" t="s">
        <v>8</v>
      </c>
      <c r="C589" s="5" t="s">
        <v>1485</v>
      </c>
      <c r="D589" s="6" t="s">
        <v>1500</v>
      </c>
      <c r="E589" s="5" t="s">
        <v>1501</v>
      </c>
      <c r="F589" s="7">
        <v>69052</v>
      </c>
      <c r="G589" s="5" t="s">
        <v>887</v>
      </c>
      <c r="H589" s="6" t="s">
        <v>888</v>
      </c>
      <c r="I589" s="8">
        <v>43782</v>
      </c>
    </row>
    <row r="590" spans="1:9" ht="24" x14ac:dyDescent="0.2">
      <c r="A590" s="4">
        <v>43556</v>
      </c>
      <c r="B590" s="5" t="s">
        <v>8</v>
      </c>
      <c r="C590" s="5" t="s">
        <v>1485</v>
      </c>
      <c r="D590" s="6" t="s">
        <v>1502</v>
      </c>
      <c r="E590" s="5" t="s">
        <v>1503</v>
      </c>
      <c r="F590" s="7">
        <v>92901</v>
      </c>
      <c r="G590" s="5" t="s">
        <v>1487</v>
      </c>
      <c r="H590" s="6" t="s">
        <v>1488</v>
      </c>
      <c r="I590" s="8">
        <v>43783</v>
      </c>
    </row>
    <row r="591" spans="1:9" ht="24" x14ac:dyDescent="0.2">
      <c r="A591" s="4">
        <v>43556</v>
      </c>
      <c r="B591" s="5" t="s">
        <v>8</v>
      </c>
      <c r="C591" s="5" t="s">
        <v>1485</v>
      </c>
      <c r="D591" s="6" t="s">
        <v>1504</v>
      </c>
      <c r="E591" s="5" t="s">
        <v>1505</v>
      </c>
      <c r="F591" s="7">
        <v>145508</v>
      </c>
      <c r="G591" s="5" t="s">
        <v>1506</v>
      </c>
      <c r="H591" s="6" t="s">
        <v>1507</v>
      </c>
      <c r="I591" s="8">
        <v>43784</v>
      </c>
    </row>
    <row r="592" spans="1:9" x14ac:dyDescent="0.2">
      <c r="A592" s="4">
        <v>43556</v>
      </c>
      <c r="B592" s="5" t="s">
        <v>8</v>
      </c>
      <c r="C592" s="5" t="s">
        <v>1485</v>
      </c>
      <c r="D592" s="6" t="s">
        <v>1508</v>
      </c>
      <c r="E592" s="5" t="s">
        <v>1509</v>
      </c>
      <c r="F592" s="7">
        <v>5000</v>
      </c>
      <c r="G592" s="5" t="s">
        <v>2487</v>
      </c>
      <c r="H592" s="6" t="s">
        <v>33</v>
      </c>
      <c r="I592" s="8">
        <v>43795</v>
      </c>
    </row>
    <row r="593" spans="1:9" ht="24" x14ac:dyDescent="0.2">
      <c r="A593" s="4">
        <v>43556</v>
      </c>
      <c r="B593" s="5" t="s">
        <v>8</v>
      </c>
      <c r="C593" s="5" t="s">
        <v>1485</v>
      </c>
      <c r="D593" s="6" t="s">
        <v>1510</v>
      </c>
      <c r="E593" s="5" t="s">
        <v>794</v>
      </c>
      <c r="F593" s="7">
        <v>47576</v>
      </c>
      <c r="G593" s="5" t="s">
        <v>887</v>
      </c>
      <c r="H593" s="6" t="s">
        <v>888</v>
      </c>
      <c r="I593" s="8">
        <v>43810</v>
      </c>
    </row>
    <row r="594" spans="1:9" ht="24" x14ac:dyDescent="0.2">
      <c r="A594" s="4">
        <v>43556</v>
      </c>
      <c r="B594" s="5" t="s">
        <v>8</v>
      </c>
      <c r="C594" s="5" t="s">
        <v>1485</v>
      </c>
      <c r="D594" s="6" t="s">
        <v>1511</v>
      </c>
      <c r="E594" s="5" t="s">
        <v>1512</v>
      </c>
      <c r="F594" s="7">
        <v>110358</v>
      </c>
      <c r="G594" s="5" t="s">
        <v>1487</v>
      </c>
      <c r="H594" s="6" t="s">
        <v>1488</v>
      </c>
      <c r="I594" s="8">
        <v>43812</v>
      </c>
    </row>
    <row r="595" spans="1:9" ht="24" x14ac:dyDescent="0.2">
      <c r="A595" s="4">
        <v>43556</v>
      </c>
      <c r="B595" s="5" t="s">
        <v>8</v>
      </c>
      <c r="C595" s="5" t="s">
        <v>1485</v>
      </c>
      <c r="D595" s="6" t="s">
        <v>1513</v>
      </c>
      <c r="E595" s="5" t="s">
        <v>1514</v>
      </c>
      <c r="F595" s="7">
        <v>250140</v>
      </c>
      <c r="G595" s="5" t="s">
        <v>1515</v>
      </c>
      <c r="H595" s="6" t="s">
        <v>1516</v>
      </c>
      <c r="I595" s="8">
        <v>43823</v>
      </c>
    </row>
    <row r="596" spans="1:9" x14ac:dyDescent="0.2">
      <c r="A596" s="4">
        <v>43556</v>
      </c>
      <c r="B596" s="5" t="s">
        <v>8</v>
      </c>
      <c r="C596" s="5" t="s">
        <v>1485</v>
      </c>
      <c r="D596" s="6" t="s">
        <v>1517</v>
      </c>
      <c r="E596" s="5" t="s">
        <v>1518</v>
      </c>
      <c r="F596" s="7">
        <v>5000</v>
      </c>
      <c r="G596" s="5" t="s">
        <v>2487</v>
      </c>
      <c r="H596" s="6" t="s">
        <v>33</v>
      </c>
      <c r="I596" s="8">
        <v>43823</v>
      </c>
    </row>
    <row r="597" spans="1:9" ht="24" x14ac:dyDescent="0.2">
      <c r="A597" s="4">
        <v>43556</v>
      </c>
      <c r="B597" s="5" t="s">
        <v>8</v>
      </c>
      <c r="C597" s="5" t="s">
        <v>1485</v>
      </c>
      <c r="D597" s="6" t="s">
        <v>1519</v>
      </c>
      <c r="E597" s="5" t="s">
        <v>1520</v>
      </c>
      <c r="F597" s="7">
        <v>55423</v>
      </c>
      <c r="G597" s="5" t="s">
        <v>1521</v>
      </c>
      <c r="H597" s="6" t="s">
        <v>1522</v>
      </c>
      <c r="I597" s="8">
        <v>43824</v>
      </c>
    </row>
    <row r="598" spans="1:9" ht="24" x14ac:dyDescent="0.2">
      <c r="A598" s="4">
        <v>43556</v>
      </c>
      <c r="B598" s="5" t="s">
        <v>8</v>
      </c>
      <c r="C598" s="5" t="s">
        <v>1485</v>
      </c>
      <c r="D598" s="6" t="s">
        <v>1523</v>
      </c>
      <c r="E598" s="5" t="s">
        <v>1524</v>
      </c>
      <c r="F598" s="7">
        <v>47657</v>
      </c>
      <c r="G598" s="5" t="s">
        <v>1492</v>
      </c>
      <c r="H598" s="6" t="s">
        <v>1493</v>
      </c>
      <c r="I598" s="8">
        <v>43825</v>
      </c>
    </row>
    <row r="599" spans="1:9" ht="24" x14ac:dyDescent="0.2">
      <c r="A599" s="4">
        <v>43556</v>
      </c>
      <c r="B599" s="5" t="s">
        <v>8</v>
      </c>
      <c r="C599" s="5" t="s">
        <v>1485</v>
      </c>
      <c r="D599" s="6" t="s">
        <v>1525</v>
      </c>
      <c r="E599" s="5" t="s">
        <v>773</v>
      </c>
      <c r="F599" s="7">
        <v>255200</v>
      </c>
      <c r="G599" s="5" t="s">
        <v>1526</v>
      </c>
      <c r="H599" s="6" t="s">
        <v>1527</v>
      </c>
      <c r="I599" s="8">
        <v>43826</v>
      </c>
    </row>
    <row r="600" spans="1:9" ht="24" x14ac:dyDescent="0.2">
      <c r="A600" s="4">
        <v>43556</v>
      </c>
      <c r="B600" s="5" t="s">
        <v>8</v>
      </c>
      <c r="C600" s="5" t="s">
        <v>1528</v>
      </c>
      <c r="D600" s="6" t="s">
        <v>1529</v>
      </c>
      <c r="E600" s="5" t="s">
        <v>1530</v>
      </c>
      <c r="F600" s="7">
        <v>15919</v>
      </c>
      <c r="G600" s="5" t="s">
        <v>117</v>
      </c>
      <c r="H600" s="6" t="s">
        <v>118</v>
      </c>
      <c r="I600" s="8">
        <v>43741</v>
      </c>
    </row>
    <row r="601" spans="1:9" ht="24" x14ac:dyDescent="0.2">
      <c r="A601" s="4">
        <v>43556</v>
      </c>
      <c r="B601" s="5" t="s">
        <v>8</v>
      </c>
      <c r="C601" s="5" t="s">
        <v>1528</v>
      </c>
      <c r="D601" s="6" t="s">
        <v>1531</v>
      </c>
      <c r="E601" s="5" t="s">
        <v>1001</v>
      </c>
      <c r="F601" s="7">
        <v>23619</v>
      </c>
      <c r="G601" s="5" t="s">
        <v>1487</v>
      </c>
      <c r="H601" s="6" t="s">
        <v>1488</v>
      </c>
      <c r="I601" s="8">
        <v>43741</v>
      </c>
    </row>
    <row r="602" spans="1:9" ht="24" x14ac:dyDescent="0.2">
      <c r="A602" s="4">
        <v>43556</v>
      </c>
      <c r="B602" s="5" t="s">
        <v>8</v>
      </c>
      <c r="C602" s="5" t="s">
        <v>1528</v>
      </c>
      <c r="D602" s="6" t="s">
        <v>1532</v>
      </c>
      <c r="E602" s="5" t="s">
        <v>1533</v>
      </c>
      <c r="F602" s="7">
        <v>45540</v>
      </c>
      <c r="G602" s="5" t="s">
        <v>1487</v>
      </c>
      <c r="H602" s="6" t="s">
        <v>1488</v>
      </c>
      <c r="I602" s="8">
        <v>43775</v>
      </c>
    </row>
    <row r="603" spans="1:9" ht="24" x14ac:dyDescent="0.2">
      <c r="A603" s="4">
        <v>43556</v>
      </c>
      <c r="B603" s="5" t="s">
        <v>8</v>
      </c>
      <c r="C603" s="5" t="s">
        <v>1528</v>
      </c>
      <c r="D603" s="6" t="s">
        <v>1534</v>
      </c>
      <c r="E603" s="5" t="s">
        <v>1535</v>
      </c>
      <c r="F603" s="7">
        <v>13442</v>
      </c>
      <c r="G603" s="5" t="s">
        <v>117</v>
      </c>
      <c r="H603" s="6" t="s">
        <v>118</v>
      </c>
      <c r="I603" s="8">
        <v>43776</v>
      </c>
    </row>
    <row r="604" spans="1:9" ht="24" x14ac:dyDescent="0.2">
      <c r="A604" s="4">
        <v>43556</v>
      </c>
      <c r="B604" s="5" t="s">
        <v>8</v>
      </c>
      <c r="C604" s="5" t="s">
        <v>1528</v>
      </c>
      <c r="D604" s="6" t="s">
        <v>1536</v>
      </c>
      <c r="E604" s="5" t="s">
        <v>1537</v>
      </c>
      <c r="F604" s="7">
        <v>126637</v>
      </c>
      <c r="G604" s="5" t="s">
        <v>1492</v>
      </c>
      <c r="H604" s="6" t="s">
        <v>1493</v>
      </c>
      <c r="I604" s="8">
        <v>43781</v>
      </c>
    </row>
    <row r="605" spans="1:9" ht="24" x14ac:dyDescent="0.2">
      <c r="A605" s="4">
        <v>43556</v>
      </c>
      <c r="B605" s="5" t="s">
        <v>8</v>
      </c>
      <c r="C605" s="5" t="s">
        <v>1528</v>
      </c>
      <c r="D605" s="6" t="s">
        <v>1538</v>
      </c>
      <c r="E605" s="5" t="s">
        <v>1539</v>
      </c>
      <c r="F605" s="7">
        <v>176880</v>
      </c>
      <c r="G605" s="5" t="s">
        <v>887</v>
      </c>
      <c r="H605" s="6" t="s">
        <v>888</v>
      </c>
      <c r="I605" s="8">
        <v>43802</v>
      </c>
    </row>
    <row r="606" spans="1:9" ht="24" x14ac:dyDescent="0.2">
      <c r="A606" s="4">
        <v>43556</v>
      </c>
      <c r="B606" s="5" t="s">
        <v>8</v>
      </c>
      <c r="C606" s="5" t="s">
        <v>1528</v>
      </c>
      <c r="D606" s="6" t="s">
        <v>1540</v>
      </c>
      <c r="E606" s="5" t="s">
        <v>650</v>
      </c>
      <c r="F606" s="7">
        <v>32637</v>
      </c>
      <c r="G606" s="5" t="s">
        <v>1487</v>
      </c>
      <c r="H606" s="6" t="s">
        <v>1488</v>
      </c>
      <c r="I606" s="8">
        <v>43803</v>
      </c>
    </row>
    <row r="607" spans="1:9" ht="24" x14ac:dyDescent="0.2">
      <c r="A607" s="4">
        <v>43556</v>
      </c>
      <c r="B607" s="5" t="s">
        <v>8</v>
      </c>
      <c r="C607" s="5" t="s">
        <v>1528</v>
      </c>
      <c r="D607" s="6" t="s">
        <v>1541</v>
      </c>
      <c r="E607" s="5" t="s">
        <v>861</v>
      </c>
      <c r="F607" s="7">
        <v>43279</v>
      </c>
      <c r="G607" s="5" t="s">
        <v>1542</v>
      </c>
      <c r="H607" s="6" t="s">
        <v>33</v>
      </c>
      <c r="I607" s="8">
        <v>43809</v>
      </c>
    </row>
    <row r="608" spans="1:9" ht="24" x14ac:dyDescent="0.2">
      <c r="A608" s="4">
        <v>43556</v>
      </c>
      <c r="B608" s="5" t="s">
        <v>8</v>
      </c>
      <c r="C608" s="5" t="s">
        <v>1528</v>
      </c>
      <c r="D608" s="6" t="s">
        <v>1543</v>
      </c>
      <c r="E608" s="5" t="s">
        <v>1544</v>
      </c>
      <c r="F608" s="7">
        <v>3877</v>
      </c>
      <c r="G608" s="5" t="s">
        <v>1545</v>
      </c>
      <c r="H608" s="6" t="s">
        <v>1078</v>
      </c>
      <c r="I608" s="8">
        <v>43809</v>
      </c>
    </row>
    <row r="609" spans="1:9" ht="24" x14ac:dyDescent="0.2">
      <c r="A609" s="4">
        <v>43556</v>
      </c>
      <c r="B609" s="5" t="s">
        <v>8</v>
      </c>
      <c r="C609" s="5" t="s">
        <v>1546</v>
      </c>
      <c r="D609" s="6" t="s">
        <v>1547</v>
      </c>
      <c r="E609" s="5" t="s">
        <v>1548</v>
      </c>
      <c r="F609" s="7">
        <v>10725</v>
      </c>
      <c r="G609" s="5" t="s">
        <v>887</v>
      </c>
      <c r="H609" s="6" t="s">
        <v>888</v>
      </c>
      <c r="I609" s="8">
        <v>43759</v>
      </c>
    </row>
    <row r="610" spans="1:9" ht="24" x14ac:dyDescent="0.2">
      <c r="A610" s="4">
        <v>43556</v>
      </c>
      <c r="B610" s="5" t="s">
        <v>8</v>
      </c>
      <c r="C610" s="5" t="s">
        <v>1546</v>
      </c>
      <c r="D610" s="6" t="s">
        <v>1549</v>
      </c>
      <c r="E610" s="5" t="s">
        <v>1550</v>
      </c>
      <c r="F610" s="7">
        <v>22462</v>
      </c>
      <c r="G610" s="5" t="s">
        <v>1490</v>
      </c>
      <c r="H610" s="6" t="s">
        <v>1078</v>
      </c>
      <c r="I610" s="8">
        <v>43774</v>
      </c>
    </row>
    <row r="611" spans="1:9" ht="24" x14ac:dyDescent="0.2">
      <c r="A611" s="4">
        <v>43556</v>
      </c>
      <c r="B611" s="5" t="s">
        <v>8</v>
      </c>
      <c r="C611" s="5" t="s">
        <v>1546</v>
      </c>
      <c r="D611" s="6" t="s">
        <v>1551</v>
      </c>
      <c r="E611" s="5" t="s">
        <v>814</v>
      </c>
      <c r="F611" s="7">
        <v>62541</v>
      </c>
      <c r="G611" s="5" t="s">
        <v>1487</v>
      </c>
      <c r="H611" s="6" t="s">
        <v>1488</v>
      </c>
      <c r="I611" s="8">
        <v>43776</v>
      </c>
    </row>
    <row r="612" spans="1:9" ht="24" x14ac:dyDescent="0.2">
      <c r="A612" s="4">
        <v>43556</v>
      </c>
      <c r="B612" s="5" t="s">
        <v>8</v>
      </c>
      <c r="C612" s="5" t="s">
        <v>1546</v>
      </c>
      <c r="D612" s="6" t="s">
        <v>1552</v>
      </c>
      <c r="E612" s="5" t="s">
        <v>1553</v>
      </c>
      <c r="F612" s="7">
        <v>111276</v>
      </c>
      <c r="G612" s="5" t="s">
        <v>1492</v>
      </c>
      <c r="H612" s="6" t="s">
        <v>1493</v>
      </c>
      <c r="I612" s="8">
        <v>43783</v>
      </c>
    </row>
    <row r="613" spans="1:9" ht="24" x14ac:dyDescent="0.2">
      <c r="A613" s="4">
        <v>43556</v>
      </c>
      <c r="B613" s="5" t="s">
        <v>8</v>
      </c>
      <c r="C613" s="5" t="s">
        <v>1546</v>
      </c>
      <c r="D613" s="6" t="s">
        <v>1554</v>
      </c>
      <c r="E613" s="5" t="s">
        <v>1224</v>
      </c>
      <c r="F613" s="7">
        <v>2024</v>
      </c>
      <c r="G613" s="5" t="s">
        <v>198</v>
      </c>
      <c r="H613" s="6" t="s">
        <v>199</v>
      </c>
      <c r="I613" s="8">
        <v>43789</v>
      </c>
    </row>
    <row r="614" spans="1:9" ht="24" x14ac:dyDescent="0.2">
      <c r="A614" s="4">
        <v>43556</v>
      </c>
      <c r="B614" s="5" t="s">
        <v>8</v>
      </c>
      <c r="C614" s="5" t="s">
        <v>1546</v>
      </c>
      <c r="D614" s="6" t="s">
        <v>1555</v>
      </c>
      <c r="E614" s="5" t="s">
        <v>1556</v>
      </c>
      <c r="F614" s="7">
        <v>168080</v>
      </c>
      <c r="G614" s="5" t="s">
        <v>887</v>
      </c>
      <c r="H614" s="6" t="s">
        <v>888</v>
      </c>
      <c r="I614" s="8">
        <v>43801</v>
      </c>
    </row>
    <row r="615" spans="1:9" ht="24" x14ac:dyDescent="0.2">
      <c r="A615" s="4">
        <v>43556</v>
      </c>
      <c r="B615" s="5" t="s">
        <v>8</v>
      </c>
      <c r="C615" s="5" t="s">
        <v>1546</v>
      </c>
      <c r="D615" s="6" t="s">
        <v>1557</v>
      </c>
      <c r="E615" s="5" t="s">
        <v>1558</v>
      </c>
      <c r="F615" s="7">
        <v>142120</v>
      </c>
      <c r="G615" s="5" t="s">
        <v>1492</v>
      </c>
      <c r="H615" s="6" t="s">
        <v>1493</v>
      </c>
      <c r="I615" s="8">
        <v>43803</v>
      </c>
    </row>
    <row r="616" spans="1:9" ht="24" x14ac:dyDescent="0.2">
      <c r="A616" s="4">
        <v>43556</v>
      </c>
      <c r="B616" s="5" t="s">
        <v>8</v>
      </c>
      <c r="C616" s="5" t="s">
        <v>1546</v>
      </c>
      <c r="D616" s="6" t="s">
        <v>1559</v>
      </c>
      <c r="E616" s="5" t="s">
        <v>1560</v>
      </c>
      <c r="F616" s="7">
        <v>79998</v>
      </c>
      <c r="G616" s="5" t="s">
        <v>1487</v>
      </c>
      <c r="H616" s="6" t="s">
        <v>1488</v>
      </c>
      <c r="I616" s="8">
        <v>43803</v>
      </c>
    </row>
    <row r="617" spans="1:9" ht="24" x14ac:dyDescent="0.2">
      <c r="A617" s="4">
        <v>43556</v>
      </c>
      <c r="B617" s="5" t="s">
        <v>8</v>
      </c>
      <c r="C617" s="5" t="s">
        <v>1546</v>
      </c>
      <c r="D617" s="6" t="s">
        <v>1561</v>
      </c>
      <c r="E617" s="5" t="s">
        <v>1562</v>
      </c>
      <c r="F617" s="7">
        <v>197967</v>
      </c>
      <c r="G617" s="5" t="s">
        <v>57</v>
      </c>
      <c r="H617" s="6" t="s">
        <v>58</v>
      </c>
      <c r="I617" s="8">
        <v>43803</v>
      </c>
    </row>
    <row r="618" spans="1:9" ht="24" x14ac:dyDescent="0.2">
      <c r="A618" s="4">
        <v>43556</v>
      </c>
      <c r="B618" s="5" t="s">
        <v>8</v>
      </c>
      <c r="C618" s="5" t="s">
        <v>1546</v>
      </c>
      <c r="D618" s="6" t="s">
        <v>1563</v>
      </c>
      <c r="E618" s="5" t="s">
        <v>1564</v>
      </c>
      <c r="F618" s="7">
        <v>45144</v>
      </c>
      <c r="G618" s="5" t="s">
        <v>1565</v>
      </c>
      <c r="H618" s="6" t="s">
        <v>1566</v>
      </c>
      <c r="I618" s="8">
        <v>43804</v>
      </c>
    </row>
    <row r="619" spans="1:9" ht="24" x14ac:dyDescent="0.2">
      <c r="A619" s="4">
        <v>43556</v>
      </c>
      <c r="B619" s="5" t="s">
        <v>8</v>
      </c>
      <c r="C619" s="5" t="s">
        <v>1546</v>
      </c>
      <c r="D619" s="6" t="s">
        <v>1567</v>
      </c>
      <c r="E619" s="5" t="s">
        <v>1568</v>
      </c>
      <c r="F619" s="7">
        <v>39490</v>
      </c>
      <c r="G619" s="5" t="s">
        <v>57</v>
      </c>
      <c r="H619" s="6" t="s">
        <v>58</v>
      </c>
      <c r="I619" s="8">
        <v>43819</v>
      </c>
    </row>
    <row r="620" spans="1:9" x14ac:dyDescent="0.2">
      <c r="A620" s="4">
        <v>43556</v>
      </c>
      <c r="B620" s="5" t="s">
        <v>8</v>
      </c>
      <c r="C620" s="5" t="s">
        <v>1546</v>
      </c>
      <c r="D620" s="6" t="s">
        <v>1569</v>
      </c>
      <c r="E620" s="5" t="s">
        <v>1570</v>
      </c>
      <c r="F620" s="7">
        <v>23211</v>
      </c>
      <c r="G620" s="5" t="s">
        <v>1571</v>
      </c>
      <c r="H620" s="6" t="s">
        <v>33</v>
      </c>
      <c r="I620" s="8">
        <v>43819</v>
      </c>
    </row>
    <row r="621" spans="1:9" ht="24" x14ac:dyDescent="0.2">
      <c r="A621" s="4">
        <v>43556</v>
      </c>
      <c r="B621" s="5" t="s">
        <v>8</v>
      </c>
      <c r="C621" s="5" t="s">
        <v>1572</v>
      </c>
      <c r="D621" s="6" t="s">
        <v>1573</v>
      </c>
      <c r="E621" s="5" t="s">
        <v>1369</v>
      </c>
      <c r="F621" s="7">
        <v>29160</v>
      </c>
      <c r="G621" s="5" t="s">
        <v>1487</v>
      </c>
      <c r="H621" s="6" t="s">
        <v>1488</v>
      </c>
      <c r="I621" s="8">
        <v>43741</v>
      </c>
    </row>
    <row r="622" spans="1:9" ht="24" x14ac:dyDescent="0.2">
      <c r="A622" s="4">
        <v>43556</v>
      </c>
      <c r="B622" s="5" t="s">
        <v>8</v>
      </c>
      <c r="C622" s="5" t="s">
        <v>1572</v>
      </c>
      <c r="D622" s="6" t="s">
        <v>1574</v>
      </c>
      <c r="E622" s="5" t="s">
        <v>1575</v>
      </c>
      <c r="F622" s="7">
        <v>40436</v>
      </c>
      <c r="G622" s="5" t="s">
        <v>218</v>
      </c>
      <c r="H622" s="6" t="s">
        <v>219</v>
      </c>
      <c r="I622" s="8">
        <v>43746</v>
      </c>
    </row>
    <row r="623" spans="1:9" ht="24" x14ac:dyDescent="0.2">
      <c r="A623" s="4">
        <v>43556</v>
      </c>
      <c r="B623" s="5" t="s">
        <v>8</v>
      </c>
      <c r="C623" s="5" t="s">
        <v>1572</v>
      </c>
      <c r="D623" s="6" t="s">
        <v>1576</v>
      </c>
      <c r="E623" s="5" t="s">
        <v>1577</v>
      </c>
      <c r="F623" s="7">
        <v>78430</v>
      </c>
      <c r="G623" s="5" t="s">
        <v>1578</v>
      </c>
      <c r="H623" s="6" t="s">
        <v>207</v>
      </c>
      <c r="I623" s="8">
        <v>43768</v>
      </c>
    </row>
    <row r="624" spans="1:9" ht="24" x14ac:dyDescent="0.2">
      <c r="A624" s="4">
        <v>43556</v>
      </c>
      <c r="B624" s="5" t="s">
        <v>8</v>
      </c>
      <c r="C624" s="5" t="s">
        <v>1572</v>
      </c>
      <c r="D624" s="6" t="s">
        <v>1579</v>
      </c>
      <c r="E624" s="5" t="s">
        <v>856</v>
      </c>
      <c r="F624" s="7">
        <v>30360</v>
      </c>
      <c r="G624" s="5" t="s">
        <v>1487</v>
      </c>
      <c r="H624" s="6" t="s">
        <v>1488</v>
      </c>
      <c r="I624" s="8">
        <v>43774</v>
      </c>
    </row>
    <row r="625" spans="1:9" ht="24" x14ac:dyDescent="0.2">
      <c r="A625" s="4">
        <v>43556</v>
      </c>
      <c r="B625" s="5" t="s">
        <v>8</v>
      </c>
      <c r="C625" s="5" t="s">
        <v>1572</v>
      </c>
      <c r="D625" s="6" t="s">
        <v>1580</v>
      </c>
      <c r="E625" s="5" t="s">
        <v>861</v>
      </c>
      <c r="F625" s="7">
        <v>21186</v>
      </c>
      <c r="G625" s="5" t="s">
        <v>774</v>
      </c>
      <c r="H625" s="6" t="s">
        <v>775</v>
      </c>
      <c r="I625" s="8">
        <v>43791</v>
      </c>
    </row>
    <row r="626" spans="1:9" ht="24" x14ac:dyDescent="0.2">
      <c r="A626" s="4">
        <v>43556</v>
      </c>
      <c r="B626" s="5" t="s">
        <v>8</v>
      </c>
      <c r="C626" s="5" t="s">
        <v>1572</v>
      </c>
      <c r="D626" s="6" t="s">
        <v>1581</v>
      </c>
      <c r="E626" s="5" t="s">
        <v>650</v>
      </c>
      <c r="F626" s="7">
        <v>37950</v>
      </c>
      <c r="G626" s="5" t="s">
        <v>1487</v>
      </c>
      <c r="H626" s="6" t="s">
        <v>1488</v>
      </c>
      <c r="I626" s="8">
        <v>43803</v>
      </c>
    </row>
    <row r="627" spans="1:9" ht="24" x14ac:dyDescent="0.2">
      <c r="A627" s="4">
        <v>43556</v>
      </c>
      <c r="B627" s="5" t="s">
        <v>8</v>
      </c>
      <c r="C627" s="5" t="s">
        <v>1572</v>
      </c>
      <c r="D627" s="6" t="s">
        <v>1582</v>
      </c>
      <c r="E627" s="5" t="s">
        <v>641</v>
      </c>
      <c r="F627" s="7">
        <v>14817</v>
      </c>
      <c r="G627" s="5" t="s">
        <v>1583</v>
      </c>
      <c r="H627" s="6" t="s">
        <v>1584</v>
      </c>
      <c r="I627" s="8">
        <v>43811</v>
      </c>
    </row>
    <row r="628" spans="1:9" ht="24" x14ac:dyDescent="0.2">
      <c r="A628" s="4">
        <v>43556</v>
      </c>
      <c r="B628" s="5" t="s">
        <v>8</v>
      </c>
      <c r="C628" s="5" t="s">
        <v>1572</v>
      </c>
      <c r="D628" s="6" t="s">
        <v>1585</v>
      </c>
      <c r="E628" s="5" t="s">
        <v>1586</v>
      </c>
      <c r="F628" s="7">
        <v>177202</v>
      </c>
      <c r="G628" s="5" t="s">
        <v>1492</v>
      </c>
      <c r="H628" s="6" t="s">
        <v>1493</v>
      </c>
      <c r="I628" s="8">
        <v>43811</v>
      </c>
    </row>
    <row r="629" spans="1:9" ht="24" x14ac:dyDescent="0.2">
      <c r="A629" s="4">
        <v>43556</v>
      </c>
      <c r="B629" s="5" t="s">
        <v>8</v>
      </c>
      <c r="C629" s="5" t="s">
        <v>1572</v>
      </c>
      <c r="D629" s="6" t="s">
        <v>1587</v>
      </c>
      <c r="E629" s="5" t="s">
        <v>1588</v>
      </c>
      <c r="F629" s="7">
        <v>144485</v>
      </c>
      <c r="G629" s="5" t="s">
        <v>1589</v>
      </c>
      <c r="H629" s="6" t="s">
        <v>1590</v>
      </c>
      <c r="I629" s="8">
        <v>43817</v>
      </c>
    </row>
    <row r="630" spans="1:9" ht="24" x14ac:dyDescent="0.2">
      <c r="A630" s="4">
        <v>43556</v>
      </c>
      <c r="B630" s="5" t="s">
        <v>8</v>
      </c>
      <c r="C630" s="5" t="s">
        <v>1572</v>
      </c>
      <c r="D630" s="6" t="s">
        <v>1591</v>
      </c>
      <c r="E630" s="5" t="s">
        <v>1592</v>
      </c>
      <c r="F630" s="7">
        <v>147620</v>
      </c>
      <c r="G630" s="5" t="s">
        <v>887</v>
      </c>
      <c r="H630" s="6" t="s">
        <v>888</v>
      </c>
      <c r="I630" s="8">
        <v>43819</v>
      </c>
    </row>
    <row r="631" spans="1:9" ht="24" x14ac:dyDescent="0.2">
      <c r="A631" s="4">
        <v>43556</v>
      </c>
      <c r="B631" s="5" t="s">
        <v>8</v>
      </c>
      <c r="C631" s="5" t="s">
        <v>1572</v>
      </c>
      <c r="D631" s="6" t="s">
        <v>1593</v>
      </c>
      <c r="E631" s="5" t="s">
        <v>1594</v>
      </c>
      <c r="F631" s="7">
        <v>14282</v>
      </c>
      <c r="G631" s="5" t="s">
        <v>238</v>
      </c>
      <c r="H631" s="6" t="s">
        <v>239</v>
      </c>
      <c r="I631" s="8">
        <v>43822</v>
      </c>
    </row>
    <row r="632" spans="1:9" ht="24" x14ac:dyDescent="0.2">
      <c r="A632" s="4">
        <v>43556</v>
      </c>
      <c r="B632" s="5" t="s">
        <v>8</v>
      </c>
      <c r="C632" s="5" t="s">
        <v>1595</v>
      </c>
      <c r="D632" s="6" t="s">
        <v>1596</v>
      </c>
      <c r="E632" s="5" t="s">
        <v>735</v>
      </c>
      <c r="F632" s="7">
        <v>29160</v>
      </c>
      <c r="G632" s="5" t="s">
        <v>1487</v>
      </c>
      <c r="H632" s="6" t="s">
        <v>1488</v>
      </c>
      <c r="I632" s="8">
        <v>43742</v>
      </c>
    </row>
    <row r="633" spans="1:9" ht="24" x14ac:dyDescent="0.2">
      <c r="A633" s="4">
        <v>43556</v>
      </c>
      <c r="B633" s="5" t="s">
        <v>8</v>
      </c>
      <c r="C633" s="5" t="s">
        <v>1595</v>
      </c>
      <c r="D633" s="6" t="s">
        <v>1597</v>
      </c>
      <c r="E633" s="5" t="s">
        <v>1598</v>
      </c>
      <c r="F633" s="7">
        <v>8910</v>
      </c>
      <c r="G633" s="5" t="s">
        <v>1599</v>
      </c>
      <c r="H633" s="6" t="s">
        <v>1600</v>
      </c>
      <c r="I633" s="8">
        <v>43742</v>
      </c>
    </row>
    <row r="634" spans="1:9" ht="24" x14ac:dyDescent="0.2">
      <c r="A634" s="4">
        <v>43556</v>
      </c>
      <c r="B634" s="5" t="s">
        <v>8</v>
      </c>
      <c r="C634" s="5" t="s">
        <v>1595</v>
      </c>
      <c r="D634" s="6" t="s">
        <v>1601</v>
      </c>
      <c r="E634" s="5" t="s">
        <v>856</v>
      </c>
      <c r="F634" s="7">
        <v>30360</v>
      </c>
      <c r="G634" s="5" t="s">
        <v>1487</v>
      </c>
      <c r="H634" s="6" t="s">
        <v>1488</v>
      </c>
      <c r="I634" s="8">
        <v>43775</v>
      </c>
    </row>
    <row r="635" spans="1:9" ht="24" x14ac:dyDescent="0.2">
      <c r="A635" s="4">
        <v>43556</v>
      </c>
      <c r="B635" s="5" t="s">
        <v>8</v>
      </c>
      <c r="C635" s="5" t="s">
        <v>1595</v>
      </c>
      <c r="D635" s="6" t="s">
        <v>1602</v>
      </c>
      <c r="E635" s="5" t="s">
        <v>1603</v>
      </c>
      <c r="F635" s="7">
        <v>66055</v>
      </c>
      <c r="G635" s="5" t="s">
        <v>57</v>
      </c>
      <c r="H635" s="6" t="s">
        <v>58</v>
      </c>
      <c r="I635" s="8">
        <v>43788</v>
      </c>
    </row>
    <row r="636" spans="1:9" ht="24" x14ac:dyDescent="0.2">
      <c r="A636" s="4">
        <v>43556</v>
      </c>
      <c r="B636" s="5" t="s">
        <v>8</v>
      </c>
      <c r="C636" s="5" t="s">
        <v>1595</v>
      </c>
      <c r="D636" s="6" t="s">
        <v>1604</v>
      </c>
      <c r="E636" s="5" t="s">
        <v>1605</v>
      </c>
      <c r="F636" s="7">
        <v>14762</v>
      </c>
      <c r="G636" s="5" t="s">
        <v>1578</v>
      </c>
      <c r="H636" s="6" t="s">
        <v>207</v>
      </c>
      <c r="I636" s="8">
        <v>43794</v>
      </c>
    </row>
    <row r="637" spans="1:9" ht="24" x14ac:dyDescent="0.2">
      <c r="A637" s="4">
        <v>43556</v>
      </c>
      <c r="B637" s="5" t="s">
        <v>8</v>
      </c>
      <c r="C637" s="5" t="s">
        <v>1595</v>
      </c>
      <c r="D637" s="6" t="s">
        <v>1606</v>
      </c>
      <c r="E637" s="5" t="s">
        <v>650</v>
      </c>
      <c r="F637" s="7">
        <v>34458</v>
      </c>
      <c r="G637" s="5" t="s">
        <v>1487</v>
      </c>
      <c r="H637" s="6" t="s">
        <v>1488</v>
      </c>
      <c r="I637" s="8">
        <v>43805</v>
      </c>
    </row>
    <row r="638" spans="1:9" ht="24" x14ac:dyDescent="0.2">
      <c r="A638" s="4">
        <v>43556</v>
      </c>
      <c r="B638" s="5" t="s">
        <v>8</v>
      </c>
      <c r="C638" s="5" t="s">
        <v>1595</v>
      </c>
      <c r="D638" s="6" t="s">
        <v>1607</v>
      </c>
      <c r="E638" s="5" t="s">
        <v>1608</v>
      </c>
      <c r="F638" s="7">
        <v>17380</v>
      </c>
      <c r="G638" s="5" t="s">
        <v>1609</v>
      </c>
      <c r="H638" s="6" t="s">
        <v>122</v>
      </c>
      <c r="I638" s="8">
        <v>43819</v>
      </c>
    </row>
    <row r="639" spans="1:9" ht="24" x14ac:dyDescent="0.2">
      <c r="A639" s="4">
        <v>43556</v>
      </c>
      <c r="B639" s="5" t="s">
        <v>8</v>
      </c>
      <c r="C639" s="5" t="s">
        <v>1595</v>
      </c>
      <c r="D639" s="6" t="s">
        <v>1610</v>
      </c>
      <c r="E639" s="5" t="s">
        <v>1611</v>
      </c>
      <c r="F639" s="7">
        <v>80300</v>
      </c>
      <c r="G639" s="5" t="s">
        <v>1521</v>
      </c>
      <c r="H639" s="6" t="s">
        <v>1522</v>
      </c>
      <c r="I639" s="8">
        <v>43823</v>
      </c>
    </row>
    <row r="640" spans="1:9" ht="24" x14ac:dyDescent="0.2">
      <c r="A640" s="4">
        <v>43556</v>
      </c>
      <c r="B640" s="5" t="s">
        <v>8</v>
      </c>
      <c r="C640" s="5" t="s">
        <v>1595</v>
      </c>
      <c r="D640" s="6" t="s">
        <v>1612</v>
      </c>
      <c r="E640" s="5" t="s">
        <v>1613</v>
      </c>
      <c r="F640" s="7">
        <v>109450</v>
      </c>
      <c r="G640" s="5" t="s">
        <v>1492</v>
      </c>
      <c r="H640" s="6" t="s">
        <v>1493</v>
      </c>
      <c r="I640" s="8">
        <v>43826</v>
      </c>
    </row>
    <row r="641" spans="1:9" ht="24" x14ac:dyDescent="0.2">
      <c r="A641" s="4">
        <v>43556</v>
      </c>
      <c r="B641" s="5" t="s">
        <v>8</v>
      </c>
      <c r="C641" s="5" t="s">
        <v>1595</v>
      </c>
      <c r="D641" s="6" t="s">
        <v>1614</v>
      </c>
      <c r="E641" s="5" t="s">
        <v>1615</v>
      </c>
      <c r="F641" s="7">
        <v>111581</v>
      </c>
      <c r="G641" s="5" t="s">
        <v>1490</v>
      </c>
      <c r="H641" s="6" t="s">
        <v>1078</v>
      </c>
      <c r="I641" s="8">
        <v>43826</v>
      </c>
    </row>
    <row r="642" spans="1:9" ht="24" x14ac:dyDescent="0.2">
      <c r="A642" s="4">
        <v>43556</v>
      </c>
      <c r="B642" s="5" t="s">
        <v>8</v>
      </c>
      <c r="C642" s="5" t="s">
        <v>1616</v>
      </c>
      <c r="D642" s="6" t="s">
        <v>1617</v>
      </c>
      <c r="E642" s="5" t="s">
        <v>1618</v>
      </c>
      <c r="F642" s="7">
        <v>36450</v>
      </c>
      <c r="G642" s="5" t="s">
        <v>1487</v>
      </c>
      <c r="H642" s="6" t="s">
        <v>1488</v>
      </c>
      <c r="I642" s="8">
        <v>43742</v>
      </c>
    </row>
    <row r="643" spans="1:9" ht="24" x14ac:dyDescent="0.2">
      <c r="A643" s="4">
        <v>43556</v>
      </c>
      <c r="B643" s="5" t="s">
        <v>8</v>
      </c>
      <c r="C643" s="5" t="s">
        <v>1616</v>
      </c>
      <c r="D643" s="6" t="s">
        <v>1619</v>
      </c>
      <c r="E643" s="5" t="s">
        <v>883</v>
      </c>
      <c r="F643" s="7">
        <v>8121</v>
      </c>
      <c r="G643" s="5" t="s">
        <v>625</v>
      </c>
      <c r="H643" s="6" t="s">
        <v>265</v>
      </c>
      <c r="I643" s="8">
        <v>43747</v>
      </c>
    </row>
    <row r="644" spans="1:9" ht="24" x14ac:dyDescent="0.2">
      <c r="A644" s="4">
        <v>43556</v>
      </c>
      <c r="B644" s="5" t="s">
        <v>8</v>
      </c>
      <c r="C644" s="5" t="s">
        <v>1616</v>
      </c>
      <c r="D644" s="6" t="s">
        <v>1620</v>
      </c>
      <c r="E644" s="5" t="s">
        <v>777</v>
      </c>
      <c r="F644" s="7">
        <v>5830</v>
      </c>
      <c r="G644" s="5" t="s">
        <v>1621</v>
      </c>
      <c r="H644" s="6" t="s">
        <v>888</v>
      </c>
      <c r="I644" s="8">
        <v>43774</v>
      </c>
    </row>
    <row r="645" spans="1:9" ht="24" x14ac:dyDescent="0.2">
      <c r="A645" s="4">
        <v>43556</v>
      </c>
      <c r="B645" s="5" t="s">
        <v>8</v>
      </c>
      <c r="C645" s="5" t="s">
        <v>1616</v>
      </c>
      <c r="D645" s="6" t="s">
        <v>1622</v>
      </c>
      <c r="E645" s="5" t="s">
        <v>629</v>
      </c>
      <c r="F645" s="7">
        <v>39468</v>
      </c>
      <c r="G645" s="5" t="s">
        <v>1487</v>
      </c>
      <c r="H645" s="6" t="s">
        <v>1488</v>
      </c>
      <c r="I645" s="8">
        <v>43776</v>
      </c>
    </row>
    <row r="646" spans="1:9" ht="24" x14ac:dyDescent="0.2">
      <c r="A646" s="4">
        <v>43556</v>
      </c>
      <c r="B646" s="5" t="s">
        <v>8</v>
      </c>
      <c r="C646" s="5" t="s">
        <v>1616</v>
      </c>
      <c r="D646" s="6" t="s">
        <v>1623</v>
      </c>
      <c r="E646" s="5" t="s">
        <v>794</v>
      </c>
      <c r="F646" s="7">
        <v>40491</v>
      </c>
      <c r="G646" s="5" t="s">
        <v>1621</v>
      </c>
      <c r="H646" s="6" t="s">
        <v>888</v>
      </c>
      <c r="I646" s="8">
        <v>43802</v>
      </c>
    </row>
    <row r="647" spans="1:9" ht="24" x14ac:dyDescent="0.2">
      <c r="A647" s="4">
        <v>43556</v>
      </c>
      <c r="B647" s="5" t="s">
        <v>8</v>
      </c>
      <c r="C647" s="5" t="s">
        <v>1616</v>
      </c>
      <c r="D647" s="6" t="s">
        <v>1624</v>
      </c>
      <c r="E647" s="5" t="s">
        <v>786</v>
      </c>
      <c r="F647" s="7">
        <v>39468</v>
      </c>
      <c r="G647" s="5" t="s">
        <v>1487</v>
      </c>
      <c r="H647" s="6" t="s">
        <v>1488</v>
      </c>
      <c r="I647" s="8">
        <v>43804</v>
      </c>
    </row>
    <row r="648" spans="1:9" ht="24" x14ac:dyDescent="0.2">
      <c r="A648" s="4">
        <v>43556</v>
      </c>
      <c r="B648" s="5" t="s">
        <v>8</v>
      </c>
      <c r="C648" s="5" t="s">
        <v>1616</v>
      </c>
      <c r="D648" s="6" t="s">
        <v>1625</v>
      </c>
      <c r="E648" s="5" t="s">
        <v>1626</v>
      </c>
      <c r="F648" s="7">
        <v>341660</v>
      </c>
      <c r="G648" s="5" t="s">
        <v>1492</v>
      </c>
      <c r="H648" s="6" t="s">
        <v>1493</v>
      </c>
      <c r="I648" s="8">
        <v>43811</v>
      </c>
    </row>
    <row r="649" spans="1:9" ht="24" x14ac:dyDescent="0.2">
      <c r="A649" s="4">
        <v>43556</v>
      </c>
      <c r="B649" s="5" t="s">
        <v>8</v>
      </c>
      <c r="C649" s="5" t="s">
        <v>1616</v>
      </c>
      <c r="D649" s="6" t="s">
        <v>1627</v>
      </c>
      <c r="E649" s="5" t="s">
        <v>1347</v>
      </c>
      <c r="F649" s="7">
        <v>156970</v>
      </c>
      <c r="G649" s="5" t="s">
        <v>1526</v>
      </c>
      <c r="H649" s="6" t="s">
        <v>1527</v>
      </c>
      <c r="I649" s="8">
        <v>43811</v>
      </c>
    </row>
    <row r="650" spans="1:9" ht="24" x14ac:dyDescent="0.2">
      <c r="A650" s="4">
        <v>43556</v>
      </c>
      <c r="B650" s="5" t="s">
        <v>8</v>
      </c>
      <c r="C650" s="5" t="s">
        <v>1616</v>
      </c>
      <c r="D650" s="6" t="s">
        <v>1628</v>
      </c>
      <c r="E650" s="5" t="s">
        <v>1629</v>
      </c>
      <c r="F650" s="7">
        <v>60637</v>
      </c>
      <c r="G650" s="5" t="s">
        <v>642</v>
      </c>
      <c r="H650" s="6" t="s">
        <v>58</v>
      </c>
      <c r="I650" s="8">
        <v>43816</v>
      </c>
    </row>
    <row r="651" spans="1:9" ht="24" x14ac:dyDescent="0.2">
      <c r="A651" s="4">
        <v>43556</v>
      </c>
      <c r="B651" s="5" t="s">
        <v>8</v>
      </c>
      <c r="C651" s="5" t="s">
        <v>1616</v>
      </c>
      <c r="D651" s="6" t="s">
        <v>1630</v>
      </c>
      <c r="E651" s="5" t="s">
        <v>1631</v>
      </c>
      <c r="F651" s="7">
        <v>183700</v>
      </c>
      <c r="G651" s="5" t="s">
        <v>1632</v>
      </c>
      <c r="H651" s="6" t="s">
        <v>1633</v>
      </c>
      <c r="I651" s="8">
        <v>43823</v>
      </c>
    </row>
    <row r="652" spans="1:9" ht="24" x14ac:dyDescent="0.2">
      <c r="A652" s="4">
        <v>43556</v>
      </c>
      <c r="B652" s="5" t="s">
        <v>8</v>
      </c>
      <c r="C652" s="5" t="s">
        <v>1634</v>
      </c>
      <c r="D652" s="6" t="s">
        <v>1635</v>
      </c>
      <c r="E652" s="5" t="s">
        <v>1636</v>
      </c>
      <c r="F652" s="7">
        <v>12679</v>
      </c>
      <c r="G652" s="5" t="s">
        <v>887</v>
      </c>
      <c r="H652" s="6" t="s">
        <v>888</v>
      </c>
      <c r="I652" s="8">
        <v>43740</v>
      </c>
    </row>
    <row r="653" spans="1:9" ht="24" x14ac:dyDescent="0.2">
      <c r="A653" s="4">
        <v>43556</v>
      </c>
      <c r="B653" s="5" t="s">
        <v>8</v>
      </c>
      <c r="C653" s="5" t="s">
        <v>1634</v>
      </c>
      <c r="D653" s="6" t="s">
        <v>1637</v>
      </c>
      <c r="E653" s="5" t="s">
        <v>997</v>
      </c>
      <c r="F653" s="7">
        <v>11102</v>
      </c>
      <c r="G653" s="5" t="s">
        <v>887</v>
      </c>
      <c r="H653" s="6" t="s">
        <v>888</v>
      </c>
      <c r="I653" s="8">
        <v>43740</v>
      </c>
    </row>
    <row r="654" spans="1:9" ht="24" x14ac:dyDescent="0.2">
      <c r="A654" s="4">
        <v>43556</v>
      </c>
      <c r="B654" s="5" t="s">
        <v>8</v>
      </c>
      <c r="C654" s="5" t="s">
        <v>1634</v>
      </c>
      <c r="D654" s="6" t="s">
        <v>1638</v>
      </c>
      <c r="E654" s="5" t="s">
        <v>1297</v>
      </c>
      <c r="F654" s="7">
        <v>120139</v>
      </c>
      <c r="G654" s="5" t="s">
        <v>1487</v>
      </c>
      <c r="H654" s="6" t="s">
        <v>1488</v>
      </c>
      <c r="I654" s="8">
        <v>43746</v>
      </c>
    </row>
    <row r="655" spans="1:9" ht="24" x14ac:dyDescent="0.2">
      <c r="A655" s="4">
        <v>43556</v>
      </c>
      <c r="B655" s="5" t="s">
        <v>8</v>
      </c>
      <c r="C655" s="5" t="s">
        <v>1634</v>
      </c>
      <c r="D655" s="6" t="s">
        <v>1639</v>
      </c>
      <c r="E655" s="5" t="s">
        <v>1640</v>
      </c>
      <c r="F655" s="7">
        <v>29700</v>
      </c>
      <c r="G655" s="5" t="s">
        <v>1490</v>
      </c>
      <c r="H655" s="6" t="s">
        <v>1078</v>
      </c>
      <c r="I655" s="8">
        <v>43746</v>
      </c>
    </row>
    <row r="656" spans="1:9" ht="24" x14ac:dyDescent="0.2">
      <c r="A656" s="4">
        <v>43556</v>
      </c>
      <c r="B656" s="5" t="s">
        <v>8</v>
      </c>
      <c r="C656" s="5" t="s">
        <v>1634</v>
      </c>
      <c r="D656" s="6" t="s">
        <v>1641</v>
      </c>
      <c r="E656" s="5" t="s">
        <v>1642</v>
      </c>
      <c r="F656" s="7">
        <v>3036</v>
      </c>
      <c r="G656" s="5" t="s">
        <v>1643</v>
      </c>
      <c r="H656" s="6" t="s">
        <v>1644</v>
      </c>
      <c r="I656" s="8">
        <v>43777</v>
      </c>
    </row>
    <row r="657" spans="1:9" ht="24" x14ac:dyDescent="0.2">
      <c r="A657" s="4">
        <v>43556</v>
      </c>
      <c r="B657" s="5" t="s">
        <v>8</v>
      </c>
      <c r="C657" s="5" t="s">
        <v>1634</v>
      </c>
      <c r="D657" s="6" t="s">
        <v>1645</v>
      </c>
      <c r="E657" s="5" t="s">
        <v>1646</v>
      </c>
      <c r="F657" s="7">
        <v>171974</v>
      </c>
      <c r="G657" s="5" t="s">
        <v>1492</v>
      </c>
      <c r="H657" s="6" t="s">
        <v>1493</v>
      </c>
      <c r="I657" s="8">
        <v>43781</v>
      </c>
    </row>
    <row r="658" spans="1:9" ht="24" x14ac:dyDescent="0.2">
      <c r="A658" s="4">
        <v>43556</v>
      </c>
      <c r="B658" s="5" t="s">
        <v>8</v>
      </c>
      <c r="C658" s="5" t="s">
        <v>1634</v>
      </c>
      <c r="D658" s="6" t="s">
        <v>1647</v>
      </c>
      <c r="E658" s="5" t="s">
        <v>1648</v>
      </c>
      <c r="F658" s="7">
        <v>7150</v>
      </c>
      <c r="G658" s="5" t="s">
        <v>1492</v>
      </c>
      <c r="H658" s="6" t="s">
        <v>1493</v>
      </c>
      <c r="I658" s="8">
        <v>43789</v>
      </c>
    </row>
    <row r="659" spans="1:9" ht="24" x14ac:dyDescent="0.2">
      <c r="A659" s="4">
        <v>43556</v>
      </c>
      <c r="B659" s="5" t="s">
        <v>8</v>
      </c>
      <c r="C659" s="5" t="s">
        <v>1634</v>
      </c>
      <c r="D659" s="6" t="s">
        <v>1649</v>
      </c>
      <c r="E659" s="5" t="s">
        <v>773</v>
      </c>
      <c r="F659" s="7">
        <v>252780</v>
      </c>
      <c r="G659" s="5" t="s">
        <v>1650</v>
      </c>
      <c r="H659" s="6" t="s">
        <v>1651</v>
      </c>
      <c r="I659" s="8">
        <v>43802</v>
      </c>
    </row>
    <row r="660" spans="1:9" ht="24" x14ac:dyDescent="0.2">
      <c r="A660" s="4">
        <v>43556</v>
      </c>
      <c r="B660" s="5" t="s">
        <v>8</v>
      </c>
      <c r="C660" s="5" t="s">
        <v>1634</v>
      </c>
      <c r="D660" s="6" t="s">
        <v>1652</v>
      </c>
      <c r="E660" s="5" t="s">
        <v>1653</v>
      </c>
      <c r="F660" s="7">
        <v>60720</v>
      </c>
      <c r="G660" s="5" t="s">
        <v>1487</v>
      </c>
      <c r="H660" s="6" t="s">
        <v>1488</v>
      </c>
      <c r="I660" s="8">
        <v>43804</v>
      </c>
    </row>
    <row r="661" spans="1:9" ht="24" x14ac:dyDescent="0.2">
      <c r="A661" s="4">
        <v>43556</v>
      </c>
      <c r="B661" s="5" t="s">
        <v>8</v>
      </c>
      <c r="C661" s="5" t="s">
        <v>1634</v>
      </c>
      <c r="D661" s="6" t="s">
        <v>1654</v>
      </c>
      <c r="E661" s="5" t="s">
        <v>1655</v>
      </c>
      <c r="F661" s="7">
        <v>45331</v>
      </c>
      <c r="G661" s="5" t="s">
        <v>1492</v>
      </c>
      <c r="H661" s="6" t="s">
        <v>1493</v>
      </c>
      <c r="I661" s="8">
        <v>43805</v>
      </c>
    </row>
    <row r="662" spans="1:9" ht="24" x14ac:dyDescent="0.2">
      <c r="A662" s="4">
        <v>43556</v>
      </c>
      <c r="B662" s="5" t="s">
        <v>8</v>
      </c>
      <c r="C662" s="5" t="s">
        <v>1634</v>
      </c>
      <c r="D662" s="6" t="s">
        <v>1656</v>
      </c>
      <c r="E662" s="5" t="s">
        <v>1657</v>
      </c>
      <c r="F662" s="7">
        <v>85800</v>
      </c>
      <c r="G662" s="5" t="s">
        <v>1658</v>
      </c>
      <c r="H662" s="6" t="s">
        <v>1659</v>
      </c>
      <c r="I662" s="8">
        <v>43805</v>
      </c>
    </row>
    <row r="663" spans="1:9" ht="24" x14ac:dyDescent="0.2">
      <c r="A663" s="4">
        <v>43556</v>
      </c>
      <c r="B663" s="5" t="s">
        <v>8</v>
      </c>
      <c r="C663" s="5" t="s">
        <v>1634</v>
      </c>
      <c r="D663" s="6" t="s">
        <v>1660</v>
      </c>
      <c r="E663" s="5" t="s">
        <v>1661</v>
      </c>
      <c r="F663" s="7">
        <v>69333</v>
      </c>
      <c r="G663" s="5" t="s">
        <v>1490</v>
      </c>
      <c r="H663" s="6" t="s">
        <v>1078</v>
      </c>
      <c r="I663" s="8">
        <v>43823</v>
      </c>
    </row>
    <row r="664" spans="1:9" ht="24" x14ac:dyDescent="0.2">
      <c r="A664" s="4">
        <v>43556</v>
      </c>
      <c r="B664" s="5" t="s">
        <v>8</v>
      </c>
      <c r="C664" s="5" t="s">
        <v>1662</v>
      </c>
      <c r="D664" s="6" t="s">
        <v>1663</v>
      </c>
      <c r="E664" s="5" t="s">
        <v>1664</v>
      </c>
      <c r="F664" s="7">
        <v>43740</v>
      </c>
      <c r="G664" s="5" t="s">
        <v>1487</v>
      </c>
      <c r="H664" s="6" t="s">
        <v>1488</v>
      </c>
      <c r="I664" s="8">
        <v>43742</v>
      </c>
    </row>
    <row r="665" spans="1:9" ht="24" x14ac:dyDescent="0.2">
      <c r="A665" s="4">
        <v>43556</v>
      </c>
      <c r="B665" s="5" t="s">
        <v>8</v>
      </c>
      <c r="C665" s="5" t="s">
        <v>1662</v>
      </c>
      <c r="D665" s="6" t="s">
        <v>1665</v>
      </c>
      <c r="E665" s="5" t="s">
        <v>1666</v>
      </c>
      <c r="F665" s="7">
        <v>54945</v>
      </c>
      <c r="G665" s="5" t="s">
        <v>1492</v>
      </c>
      <c r="H665" s="6" t="s">
        <v>1493</v>
      </c>
      <c r="I665" s="8">
        <v>43745</v>
      </c>
    </row>
    <row r="666" spans="1:9" ht="24" x14ac:dyDescent="0.2">
      <c r="A666" s="4">
        <v>43556</v>
      </c>
      <c r="B666" s="5" t="s">
        <v>8</v>
      </c>
      <c r="C666" s="5" t="s">
        <v>1662</v>
      </c>
      <c r="D666" s="6" t="s">
        <v>1667</v>
      </c>
      <c r="E666" s="5" t="s">
        <v>883</v>
      </c>
      <c r="F666" s="7">
        <v>10303</v>
      </c>
      <c r="G666" s="5" t="s">
        <v>264</v>
      </c>
      <c r="H666" s="6" t="s">
        <v>265</v>
      </c>
      <c r="I666" s="8">
        <v>43746</v>
      </c>
    </row>
    <row r="667" spans="1:9" ht="24" x14ac:dyDescent="0.2">
      <c r="A667" s="4">
        <v>43556</v>
      </c>
      <c r="B667" s="5" t="s">
        <v>8</v>
      </c>
      <c r="C667" s="5" t="s">
        <v>1662</v>
      </c>
      <c r="D667" s="6" t="s">
        <v>1668</v>
      </c>
      <c r="E667" s="5" t="s">
        <v>1669</v>
      </c>
      <c r="F667" s="7">
        <v>19608</v>
      </c>
      <c r="G667" s="5" t="s">
        <v>1490</v>
      </c>
      <c r="H667" s="6" t="s">
        <v>1078</v>
      </c>
      <c r="I667" s="8">
        <v>43746</v>
      </c>
    </row>
    <row r="668" spans="1:9" ht="24" x14ac:dyDescent="0.2">
      <c r="A668" s="4">
        <v>43556</v>
      </c>
      <c r="B668" s="5" t="s">
        <v>8</v>
      </c>
      <c r="C668" s="5" t="s">
        <v>1662</v>
      </c>
      <c r="D668" s="6" t="s">
        <v>1670</v>
      </c>
      <c r="E668" s="5" t="s">
        <v>1671</v>
      </c>
      <c r="F668" s="7">
        <v>2548</v>
      </c>
      <c r="G668" s="5" t="s">
        <v>1492</v>
      </c>
      <c r="H668" s="6" t="s">
        <v>1493</v>
      </c>
      <c r="I668" s="8">
        <v>43753</v>
      </c>
    </row>
    <row r="669" spans="1:9" ht="24" x14ac:dyDescent="0.2">
      <c r="A669" s="4">
        <v>43556</v>
      </c>
      <c r="B669" s="5" t="s">
        <v>8</v>
      </c>
      <c r="C669" s="5" t="s">
        <v>1662</v>
      </c>
      <c r="D669" s="6" t="s">
        <v>1672</v>
      </c>
      <c r="E669" s="5" t="s">
        <v>1673</v>
      </c>
      <c r="F669" s="7">
        <v>8470</v>
      </c>
      <c r="G669" s="5" t="s">
        <v>1674</v>
      </c>
      <c r="H669" s="6" t="s">
        <v>1675</v>
      </c>
      <c r="I669" s="8">
        <v>43766</v>
      </c>
    </row>
    <row r="670" spans="1:9" ht="24" x14ac:dyDescent="0.2">
      <c r="A670" s="4">
        <v>43556</v>
      </c>
      <c r="B670" s="5" t="s">
        <v>8</v>
      </c>
      <c r="C670" s="5" t="s">
        <v>1662</v>
      </c>
      <c r="D670" s="6" t="s">
        <v>1676</v>
      </c>
      <c r="E670" s="5" t="s">
        <v>1677</v>
      </c>
      <c r="F670" s="7">
        <v>19174</v>
      </c>
      <c r="G670" s="5" t="s">
        <v>1490</v>
      </c>
      <c r="H670" s="6" t="s">
        <v>1078</v>
      </c>
      <c r="I670" s="8">
        <v>43769</v>
      </c>
    </row>
    <row r="671" spans="1:9" ht="24" x14ac:dyDescent="0.2">
      <c r="A671" s="4">
        <v>43556</v>
      </c>
      <c r="B671" s="5" t="s">
        <v>8</v>
      </c>
      <c r="C671" s="5" t="s">
        <v>1662</v>
      </c>
      <c r="D671" s="6" t="s">
        <v>1678</v>
      </c>
      <c r="E671" s="5" t="s">
        <v>1679</v>
      </c>
      <c r="F671" s="7">
        <v>34237</v>
      </c>
      <c r="G671" s="5" t="s">
        <v>1490</v>
      </c>
      <c r="H671" s="6" t="s">
        <v>1078</v>
      </c>
      <c r="I671" s="8">
        <v>43774</v>
      </c>
    </row>
    <row r="672" spans="1:9" ht="24" x14ac:dyDescent="0.2">
      <c r="A672" s="4">
        <v>43556</v>
      </c>
      <c r="B672" s="5" t="s">
        <v>8</v>
      </c>
      <c r="C672" s="5" t="s">
        <v>1662</v>
      </c>
      <c r="D672" s="6" t="s">
        <v>1680</v>
      </c>
      <c r="E672" s="5" t="s">
        <v>1681</v>
      </c>
      <c r="F672" s="7">
        <v>11154</v>
      </c>
      <c r="G672" s="5" t="s">
        <v>264</v>
      </c>
      <c r="H672" s="6" t="s">
        <v>265</v>
      </c>
      <c r="I672" s="8">
        <v>43775</v>
      </c>
    </row>
    <row r="673" spans="1:9" ht="24" x14ac:dyDescent="0.2">
      <c r="A673" s="4">
        <v>43556</v>
      </c>
      <c r="B673" s="5" t="s">
        <v>8</v>
      </c>
      <c r="C673" s="5" t="s">
        <v>1662</v>
      </c>
      <c r="D673" s="6" t="s">
        <v>1682</v>
      </c>
      <c r="E673" s="5" t="s">
        <v>1683</v>
      </c>
      <c r="F673" s="7">
        <v>47361</v>
      </c>
      <c r="G673" s="5" t="s">
        <v>1487</v>
      </c>
      <c r="H673" s="6" t="s">
        <v>1488</v>
      </c>
      <c r="I673" s="8">
        <v>43777</v>
      </c>
    </row>
    <row r="674" spans="1:9" ht="24" x14ac:dyDescent="0.2">
      <c r="A674" s="4">
        <v>43556</v>
      </c>
      <c r="B674" s="5" t="s">
        <v>8</v>
      </c>
      <c r="C674" s="5" t="s">
        <v>1662</v>
      </c>
      <c r="D674" s="6" t="s">
        <v>1684</v>
      </c>
      <c r="E674" s="5" t="s">
        <v>1685</v>
      </c>
      <c r="F674" s="7">
        <v>57156</v>
      </c>
      <c r="G674" s="5" t="s">
        <v>1492</v>
      </c>
      <c r="H674" s="6" t="s">
        <v>1493</v>
      </c>
      <c r="I674" s="8">
        <v>43783</v>
      </c>
    </row>
    <row r="675" spans="1:9" ht="24" x14ac:dyDescent="0.2">
      <c r="A675" s="4">
        <v>43556</v>
      </c>
      <c r="B675" s="5" t="s">
        <v>8</v>
      </c>
      <c r="C675" s="5" t="s">
        <v>1662</v>
      </c>
      <c r="D675" s="6" t="s">
        <v>1686</v>
      </c>
      <c r="E675" s="5" t="s">
        <v>1424</v>
      </c>
      <c r="F675" s="7">
        <v>60109</v>
      </c>
      <c r="G675" s="5" t="s">
        <v>16</v>
      </c>
      <c r="H675" s="6" t="s">
        <v>17</v>
      </c>
      <c r="I675" s="8">
        <v>43788</v>
      </c>
    </row>
    <row r="676" spans="1:9" ht="24" x14ac:dyDescent="0.2">
      <c r="A676" s="4">
        <v>43556</v>
      </c>
      <c r="B676" s="5" t="s">
        <v>8</v>
      </c>
      <c r="C676" s="5" t="s">
        <v>1662</v>
      </c>
      <c r="D676" s="6" t="s">
        <v>1687</v>
      </c>
      <c r="E676" s="5" t="s">
        <v>1688</v>
      </c>
      <c r="F676" s="7">
        <v>4400</v>
      </c>
      <c r="G676" s="5" t="s">
        <v>1689</v>
      </c>
      <c r="H676" s="6" t="s">
        <v>1690</v>
      </c>
      <c r="I676" s="8">
        <v>43794</v>
      </c>
    </row>
    <row r="677" spans="1:9" ht="24" x14ac:dyDescent="0.2">
      <c r="A677" s="4">
        <v>43556</v>
      </c>
      <c r="B677" s="5" t="s">
        <v>8</v>
      </c>
      <c r="C677" s="5" t="s">
        <v>1662</v>
      </c>
      <c r="D677" s="6" t="s">
        <v>1691</v>
      </c>
      <c r="E677" s="5" t="s">
        <v>1692</v>
      </c>
      <c r="F677" s="7">
        <v>163262</v>
      </c>
      <c r="G677" s="5" t="s">
        <v>1693</v>
      </c>
      <c r="H677" s="6" t="s">
        <v>1694</v>
      </c>
      <c r="I677" s="8">
        <v>43803</v>
      </c>
    </row>
    <row r="678" spans="1:9" ht="24" x14ac:dyDescent="0.2">
      <c r="A678" s="4">
        <v>43556</v>
      </c>
      <c r="B678" s="5" t="s">
        <v>8</v>
      </c>
      <c r="C678" s="5" t="s">
        <v>1662</v>
      </c>
      <c r="D678" s="6" t="s">
        <v>1695</v>
      </c>
      <c r="E678" s="5" t="s">
        <v>1696</v>
      </c>
      <c r="F678" s="7">
        <v>45540</v>
      </c>
      <c r="G678" s="5" t="s">
        <v>1487</v>
      </c>
      <c r="H678" s="6" t="s">
        <v>1488</v>
      </c>
      <c r="I678" s="8">
        <v>43804</v>
      </c>
    </row>
    <row r="679" spans="1:9" ht="24" x14ac:dyDescent="0.2">
      <c r="A679" s="4">
        <v>43556</v>
      </c>
      <c r="B679" s="5" t="s">
        <v>8</v>
      </c>
      <c r="C679" s="5" t="s">
        <v>1662</v>
      </c>
      <c r="D679" s="6" t="s">
        <v>1697</v>
      </c>
      <c r="E679" s="5" t="s">
        <v>1698</v>
      </c>
      <c r="F679" s="7">
        <v>46717</v>
      </c>
      <c r="G679" s="5" t="s">
        <v>254</v>
      </c>
      <c r="H679" s="6" t="s">
        <v>255</v>
      </c>
      <c r="I679" s="8">
        <v>43810</v>
      </c>
    </row>
    <row r="680" spans="1:9" ht="24" x14ac:dyDescent="0.2">
      <c r="A680" s="4">
        <v>43556</v>
      </c>
      <c r="B680" s="5" t="s">
        <v>8</v>
      </c>
      <c r="C680" s="5" t="s">
        <v>1662</v>
      </c>
      <c r="D680" s="6" t="s">
        <v>1699</v>
      </c>
      <c r="E680" s="5" t="s">
        <v>1700</v>
      </c>
      <c r="F680" s="7">
        <v>4884</v>
      </c>
      <c r="G680" s="5" t="s">
        <v>1674</v>
      </c>
      <c r="H680" s="6" t="s">
        <v>1675</v>
      </c>
      <c r="I680" s="8">
        <v>43819</v>
      </c>
    </row>
    <row r="681" spans="1:9" ht="24" x14ac:dyDescent="0.2">
      <c r="A681" s="4">
        <v>43556</v>
      </c>
      <c r="B681" s="5" t="s">
        <v>8</v>
      </c>
      <c r="C681" s="5" t="s">
        <v>1662</v>
      </c>
      <c r="D681" s="6" t="s">
        <v>1701</v>
      </c>
      <c r="E681" s="5" t="s">
        <v>1702</v>
      </c>
      <c r="F681" s="7">
        <v>16610</v>
      </c>
      <c r="G681" s="5" t="s">
        <v>1703</v>
      </c>
      <c r="H681" s="6" t="s">
        <v>207</v>
      </c>
      <c r="I681" s="8">
        <v>43819</v>
      </c>
    </row>
    <row r="682" spans="1:9" ht="24" x14ac:dyDescent="0.2">
      <c r="A682" s="4">
        <v>43556</v>
      </c>
      <c r="B682" s="5" t="s">
        <v>8</v>
      </c>
      <c r="C682" s="5" t="s">
        <v>1662</v>
      </c>
      <c r="D682" s="6" t="s">
        <v>1704</v>
      </c>
      <c r="E682" s="5" t="s">
        <v>1705</v>
      </c>
      <c r="F682" s="7">
        <v>59950</v>
      </c>
      <c r="G682" s="5" t="s">
        <v>1492</v>
      </c>
      <c r="H682" s="6" t="s">
        <v>1493</v>
      </c>
      <c r="I682" s="8">
        <v>43823</v>
      </c>
    </row>
    <row r="683" spans="1:9" ht="24" x14ac:dyDescent="0.2">
      <c r="A683" s="4">
        <v>43556</v>
      </c>
      <c r="B683" s="5" t="s">
        <v>8</v>
      </c>
      <c r="C683" s="5" t="s">
        <v>1706</v>
      </c>
      <c r="D683" s="6" t="s">
        <v>1707</v>
      </c>
      <c r="E683" s="5" t="s">
        <v>1708</v>
      </c>
      <c r="F683" s="7">
        <v>18597</v>
      </c>
      <c r="G683" s="5" t="s">
        <v>304</v>
      </c>
      <c r="H683" s="6" t="s">
        <v>305</v>
      </c>
      <c r="I683" s="8">
        <v>43746</v>
      </c>
    </row>
    <row r="684" spans="1:9" ht="24" x14ac:dyDescent="0.2">
      <c r="A684" s="4">
        <v>43556</v>
      </c>
      <c r="B684" s="5" t="s">
        <v>8</v>
      </c>
      <c r="C684" s="5" t="s">
        <v>1706</v>
      </c>
      <c r="D684" s="6" t="s">
        <v>1709</v>
      </c>
      <c r="E684" s="5" t="s">
        <v>1710</v>
      </c>
      <c r="F684" s="7">
        <v>75202</v>
      </c>
      <c r="G684" s="5" t="s">
        <v>1711</v>
      </c>
      <c r="H684" s="6" t="s">
        <v>1712</v>
      </c>
      <c r="I684" s="8">
        <v>43747</v>
      </c>
    </row>
    <row r="685" spans="1:9" ht="24" x14ac:dyDescent="0.2">
      <c r="A685" s="4">
        <v>43556</v>
      </c>
      <c r="B685" s="5" t="s">
        <v>8</v>
      </c>
      <c r="C685" s="5" t="s">
        <v>1706</v>
      </c>
      <c r="D685" s="6" t="s">
        <v>1713</v>
      </c>
      <c r="E685" s="5" t="s">
        <v>1714</v>
      </c>
      <c r="F685" s="7">
        <v>75816</v>
      </c>
      <c r="G685" s="5" t="s">
        <v>1715</v>
      </c>
      <c r="H685" s="6" t="s">
        <v>1065</v>
      </c>
      <c r="I685" s="8">
        <v>43753</v>
      </c>
    </row>
    <row r="686" spans="1:9" ht="24" x14ac:dyDescent="0.2">
      <c r="A686" s="4">
        <v>43556</v>
      </c>
      <c r="B686" s="5" t="s">
        <v>8</v>
      </c>
      <c r="C686" s="5" t="s">
        <v>1706</v>
      </c>
      <c r="D686" s="6" t="s">
        <v>1716</v>
      </c>
      <c r="E686" s="5" t="s">
        <v>1717</v>
      </c>
      <c r="F686" s="7">
        <v>23100</v>
      </c>
      <c r="G686" s="5" t="s">
        <v>1711</v>
      </c>
      <c r="H686" s="6" t="s">
        <v>1712</v>
      </c>
      <c r="I686" s="8">
        <v>43759</v>
      </c>
    </row>
    <row r="687" spans="1:9" ht="24" x14ac:dyDescent="0.2">
      <c r="A687" s="4">
        <v>43556</v>
      </c>
      <c r="B687" s="5" t="s">
        <v>8</v>
      </c>
      <c r="C687" s="5" t="s">
        <v>1706</v>
      </c>
      <c r="D687" s="6" t="s">
        <v>1718</v>
      </c>
      <c r="E687" s="5" t="s">
        <v>1719</v>
      </c>
      <c r="F687" s="7">
        <v>29160</v>
      </c>
      <c r="G687" s="5" t="s">
        <v>387</v>
      </c>
      <c r="H687" s="6" t="s">
        <v>388</v>
      </c>
      <c r="I687" s="8">
        <v>43759</v>
      </c>
    </row>
    <row r="688" spans="1:9" ht="24" x14ac:dyDescent="0.2">
      <c r="A688" s="4">
        <v>43556</v>
      </c>
      <c r="B688" s="5" t="s">
        <v>8</v>
      </c>
      <c r="C688" s="5" t="s">
        <v>1706</v>
      </c>
      <c r="D688" s="6" t="s">
        <v>1720</v>
      </c>
      <c r="E688" s="5" t="s">
        <v>1721</v>
      </c>
      <c r="F688" s="7">
        <v>35085</v>
      </c>
      <c r="G688" s="5" t="s">
        <v>1711</v>
      </c>
      <c r="H688" s="6" t="s">
        <v>1712</v>
      </c>
      <c r="I688" s="8">
        <v>43762</v>
      </c>
    </row>
    <row r="689" spans="1:9" x14ac:dyDescent="0.2">
      <c r="A689" s="4">
        <v>43556</v>
      </c>
      <c r="B689" s="5" t="s">
        <v>8</v>
      </c>
      <c r="C689" s="5" t="s">
        <v>1706</v>
      </c>
      <c r="D689" s="6" t="s">
        <v>1722</v>
      </c>
      <c r="E689" s="5" t="s">
        <v>1723</v>
      </c>
      <c r="F689" s="7">
        <v>5000</v>
      </c>
      <c r="G689" s="5" t="s">
        <v>2488</v>
      </c>
      <c r="H689" s="6" t="s">
        <v>33</v>
      </c>
      <c r="I689" s="8">
        <v>43766</v>
      </c>
    </row>
    <row r="690" spans="1:9" ht="24" x14ac:dyDescent="0.2">
      <c r="A690" s="4">
        <v>43556</v>
      </c>
      <c r="B690" s="5" t="s">
        <v>8</v>
      </c>
      <c r="C690" s="5" t="s">
        <v>1706</v>
      </c>
      <c r="D690" s="6" t="s">
        <v>1724</v>
      </c>
      <c r="E690" s="5" t="s">
        <v>1725</v>
      </c>
      <c r="F690" s="7">
        <v>110497</v>
      </c>
      <c r="G690" s="5" t="s">
        <v>1711</v>
      </c>
      <c r="H690" s="6" t="s">
        <v>1712</v>
      </c>
      <c r="I690" s="8">
        <v>43768</v>
      </c>
    </row>
    <row r="691" spans="1:9" ht="24" x14ac:dyDescent="0.2">
      <c r="A691" s="4">
        <v>43556</v>
      </c>
      <c r="B691" s="5" t="s">
        <v>8</v>
      </c>
      <c r="C691" s="5" t="s">
        <v>1706</v>
      </c>
      <c r="D691" s="6" t="s">
        <v>1726</v>
      </c>
      <c r="E691" s="5" t="s">
        <v>1727</v>
      </c>
      <c r="F691" s="7">
        <v>8690</v>
      </c>
      <c r="G691" s="5" t="s">
        <v>1728</v>
      </c>
      <c r="H691" s="6" t="s">
        <v>1729</v>
      </c>
      <c r="I691" s="8">
        <v>43768</v>
      </c>
    </row>
    <row r="692" spans="1:9" ht="24" x14ac:dyDescent="0.2">
      <c r="A692" s="4">
        <v>43556</v>
      </c>
      <c r="B692" s="5" t="s">
        <v>8</v>
      </c>
      <c r="C692" s="5" t="s">
        <v>1706</v>
      </c>
      <c r="D692" s="6" t="s">
        <v>1730</v>
      </c>
      <c r="E692" s="5" t="s">
        <v>1463</v>
      </c>
      <c r="F692" s="7">
        <v>880</v>
      </c>
      <c r="G692" s="5" t="s">
        <v>1731</v>
      </c>
      <c r="H692" s="6" t="s">
        <v>41</v>
      </c>
      <c r="I692" s="8">
        <v>43769</v>
      </c>
    </row>
    <row r="693" spans="1:9" ht="24" x14ac:dyDescent="0.2">
      <c r="A693" s="4">
        <v>43556</v>
      </c>
      <c r="B693" s="5" t="s">
        <v>8</v>
      </c>
      <c r="C693" s="5" t="s">
        <v>1706</v>
      </c>
      <c r="D693" s="6" t="s">
        <v>1732</v>
      </c>
      <c r="E693" s="5" t="s">
        <v>1733</v>
      </c>
      <c r="F693" s="7">
        <v>46530</v>
      </c>
      <c r="G693" s="5" t="s">
        <v>1734</v>
      </c>
      <c r="H693" s="6" t="s">
        <v>207</v>
      </c>
      <c r="I693" s="8">
        <v>43774</v>
      </c>
    </row>
    <row r="694" spans="1:9" ht="24" x14ac:dyDescent="0.2">
      <c r="A694" s="4">
        <v>43556</v>
      </c>
      <c r="B694" s="5" t="s">
        <v>8</v>
      </c>
      <c r="C694" s="5" t="s">
        <v>1706</v>
      </c>
      <c r="D694" s="6" t="s">
        <v>1735</v>
      </c>
      <c r="E694" s="5" t="s">
        <v>1736</v>
      </c>
      <c r="F694" s="7">
        <v>65780</v>
      </c>
      <c r="G694" s="5" t="s">
        <v>419</v>
      </c>
      <c r="H694" s="6" t="s">
        <v>420</v>
      </c>
      <c r="I694" s="8">
        <v>43775</v>
      </c>
    </row>
    <row r="695" spans="1:9" ht="24" x14ac:dyDescent="0.2">
      <c r="A695" s="4">
        <v>43556</v>
      </c>
      <c r="B695" s="5" t="s">
        <v>8</v>
      </c>
      <c r="C695" s="5" t="s">
        <v>1706</v>
      </c>
      <c r="D695" s="6" t="s">
        <v>1737</v>
      </c>
      <c r="E695" s="5" t="s">
        <v>629</v>
      </c>
      <c r="F695" s="7">
        <v>157696</v>
      </c>
      <c r="G695" s="5" t="s">
        <v>1738</v>
      </c>
      <c r="H695" s="6" t="s">
        <v>1739</v>
      </c>
      <c r="I695" s="8">
        <v>43780</v>
      </c>
    </row>
    <row r="696" spans="1:9" ht="24" x14ac:dyDescent="0.2">
      <c r="A696" s="4">
        <v>43556</v>
      </c>
      <c r="B696" s="5" t="s">
        <v>8</v>
      </c>
      <c r="C696" s="5" t="s">
        <v>1706</v>
      </c>
      <c r="D696" s="6" t="s">
        <v>1740</v>
      </c>
      <c r="E696" s="5" t="s">
        <v>301</v>
      </c>
      <c r="F696" s="7">
        <v>5830</v>
      </c>
      <c r="G696" s="5" t="s">
        <v>57</v>
      </c>
      <c r="H696" s="6" t="s">
        <v>58</v>
      </c>
      <c r="I696" s="8">
        <v>43780</v>
      </c>
    </row>
    <row r="697" spans="1:9" ht="24" x14ac:dyDescent="0.2">
      <c r="A697" s="4">
        <v>43556</v>
      </c>
      <c r="B697" s="5" t="s">
        <v>8</v>
      </c>
      <c r="C697" s="5" t="s">
        <v>1706</v>
      </c>
      <c r="D697" s="6" t="s">
        <v>1741</v>
      </c>
      <c r="E697" s="5" t="s">
        <v>1152</v>
      </c>
      <c r="F697" s="7">
        <v>109560</v>
      </c>
      <c r="G697" s="5" t="s">
        <v>1742</v>
      </c>
      <c r="H697" s="6" t="s">
        <v>1743</v>
      </c>
      <c r="I697" s="8">
        <v>43782</v>
      </c>
    </row>
    <row r="698" spans="1:9" ht="36" x14ac:dyDescent="0.2">
      <c r="A698" s="4">
        <v>43556</v>
      </c>
      <c r="B698" s="5" t="s">
        <v>8</v>
      </c>
      <c r="C698" s="5" t="s">
        <v>1706</v>
      </c>
      <c r="D698" s="6" t="s">
        <v>1744</v>
      </c>
      <c r="E698" s="5" t="s">
        <v>1745</v>
      </c>
      <c r="F698" s="7">
        <v>46400</v>
      </c>
      <c r="G698" s="5" t="s">
        <v>1746</v>
      </c>
      <c r="H698" s="6" t="s">
        <v>1379</v>
      </c>
      <c r="I698" s="8">
        <v>43787</v>
      </c>
    </row>
    <row r="699" spans="1:9" ht="24" x14ac:dyDescent="0.2">
      <c r="A699" s="4">
        <v>43556</v>
      </c>
      <c r="B699" s="5" t="s">
        <v>8</v>
      </c>
      <c r="C699" s="5" t="s">
        <v>1706</v>
      </c>
      <c r="D699" s="6" t="s">
        <v>1747</v>
      </c>
      <c r="E699" s="5" t="s">
        <v>1748</v>
      </c>
      <c r="F699" s="7">
        <v>37818</v>
      </c>
      <c r="G699" s="5" t="s">
        <v>1715</v>
      </c>
      <c r="H699" s="6" t="s">
        <v>1065</v>
      </c>
      <c r="I699" s="8">
        <v>43794</v>
      </c>
    </row>
    <row r="700" spans="1:9" x14ac:dyDescent="0.2">
      <c r="A700" s="4">
        <v>43556</v>
      </c>
      <c r="B700" s="5" t="s">
        <v>8</v>
      </c>
      <c r="C700" s="5" t="s">
        <v>1706</v>
      </c>
      <c r="D700" s="6" t="s">
        <v>1749</v>
      </c>
      <c r="E700" s="5" t="s">
        <v>1750</v>
      </c>
      <c r="F700" s="7">
        <v>5000</v>
      </c>
      <c r="G700" s="5" t="s">
        <v>2488</v>
      </c>
      <c r="H700" s="6" t="s">
        <v>33</v>
      </c>
      <c r="I700" s="8">
        <v>43795</v>
      </c>
    </row>
    <row r="701" spans="1:9" x14ac:dyDescent="0.2">
      <c r="A701" s="4">
        <v>43556</v>
      </c>
      <c r="B701" s="5" t="s">
        <v>8</v>
      </c>
      <c r="C701" s="5" t="s">
        <v>1706</v>
      </c>
      <c r="D701" s="6" t="s">
        <v>1751</v>
      </c>
      <c r="E701" s="5" t="s">
        <v>1752</v>
      </c>
      <c r="F701" s="7">
        <v>19024</v>
      </c>
      <c r="G701" s="5" t="s">
        <v>1753</v>
      </c>
      <c r="H701" s="6" t="s">
        <v>1754</v>
      </c>
      <c r="I701" s="8">
        <v>43801</v>
      </c>
    </row>
    <row r="702" spans="1:9" ht="24" x14ac:dyDescent="0.2">
      <c r="A702" s="4">
        <v>43556</v>
      </c>
      <c r="B702" s="5" t="s">
        <v>8</v>
      </c>
      <c r="C702" s="5" t="s">
        <v>1706</v>
      </c>
      <c r="D702" s="6" t="s">
        <v>1755</v>
      </c>
      <c r="E702" s="5" t="s">
        <v>1756</v>
      </c>
      <c r="F702" s="7">
        <v>11066</v>
      </c>
      <c r="G702" s="5" t="s">
        <v>156</v>
      </c>
      <c r="H702" s="6" t="s">
        <v>157</v>
      </c>
      <c r="I702" s="8">
        <v>43803</v>
      </c>
    </row>
    <row r="703" spans="1:9" ht="24" x14ac:dyDescent="0.2">
      <c r="A703" s="4">
        <v>43556</v>
      </c>
      <c r="B703" s="5" t="s">
        <v>8</v>
      </c>
      <c r="C703" s="5" t="s">
        <v>1706</v>
      </c>
      <c r="D703" s="6" t="s">
        <v>1757</v>
      </c>
      <c r="E703" s="5" t="s">
        <v>1178</v>
      </c>
      <c r="F703" s="7">
        <v>23595</v>
      </c>
      <c r="G703" s="5" t="s">
        <v>304</v>
      </c>
      <c r="H703" s="6" t="s">
        <v>305</v>
      </c>
      <c r="I703" s="8">
        <v>43803</v>
      </c>
    </row>
    <row r="704" spans="1:9" ht="24" x14ac:dyDescent="0.2">
      <c r="A704" s="4">
        <v>43556</v>
      </c>
      <c r="B704" s="5" t="s">
        <v>8</v>
      </c>
      <c r="C704" s="5" t="s">
        <v>1706</v>
      </c>
      <c r="D704" s="6" t="s">
        <v>1758</v>
      </c>
      <c r="E704" s="5" t="s">
        <v>1759</v>
      </c>
      <c r="F704" s="7">
        <v>9719</v>
      </c>
      <c r="G704" s="5" t="s">
        <v>1760</v>
      </c>
      <c r="H704" s="6" t="s">
        <v>648</v>
      </c>
      <c r="I704" s="8">
        <v>43803</v>
      </c>
    </row>
    <row r="705" spans="1:9" ht="24" x14ac:dyDescent="0.2">
      <c r="A705" s="4">
        <v>43556</v>
      </c>
      <c r="B705" s="5" t="s">
        <v>8</v>
      </c>
      <c r="C705" s="5" t="s">
        <v>1706</v>
      </c>
      <c r="D705" s="6" t="s">
        <v>1761</v>
      </c>
      <c r="E705" s="5" t="s">
        <v>1762</v>
      </c>
      <c r="F705" s="7">
        <v>30739</v>
      </c>
      <c r="G705" s="5" t="s">
        <v>1763</v>
      </c>
      <c r="H705" s="6" t="s">
        <v>1764</v>
      </c>
      <c r="I705" s="8">
        <v>43804</v>
      </c>
    </row>
    <row r="706" spans="1:9" ht="24" x14ac:dyDescent="0.2">
      <c r="A706" s="4">
        <v>43556</v>
      </c>
      <c r="B706" s="5" t="s">
        <v>8</v>
      </c>
      <c r="C706" s="5" t="s">
        <v>1706</v>
      </c>
      <c r="D706" s="6" t="s">
        <v>1765</v>
      </c>
      <c r="E706" s="5" t="s">
        <v>1766</v>
      </c>
      <c r="F706" s="7">
        <v>15932</v>
      </c>
      <c r="G706" s="5" t="s">
        <v>1767</v>
      </c>
      <c r="H706" s="6" t="s">
        <v>1644</v>
      </c>
      <c r="I706" s="8">
        <v>43805</v>
      </c>
    </row>
    <row r="707" spans="1:9" ht="24" x14ac:dyDescent="0.2">
      <c r="A707" s="4">
        <v>43556</v>
      </c>
      <c r="B707" s="5" t="s">
        <v>8</v>
      </c>
      <c r="C707" s="5" t="s">
        <v>1706</v>
      </c>
      <c r="D707" s="6" t="s">
        <v>1768</v>
      </c>
      <c r="E707" s="5" t="s">
        <v>1769</v>
      </c>
      <c r="F707" s="7">
        <v>128458</v>
      </c>
      <c r="G707" s="5" t="s">
        <v>1715</v>
      </c>
      <c r="H707" s="6" t="s">
        <v>1065</v>
      </c>
      <c r="I707" s="8">
        <v>43808</v>
      </c>
    </row>
    <row r="708" spans="1:9" ht="24" x14ac:dyDescent="0.2">
      <c r="A708" s="4">
        <v>43556</v>
      </c>
      <c r="B708" s="5" t="s">
        <v>8</v>
      </c>
      <c r="C708" s="5" t="s">
        <v>1706</v>
      </c>
      <c r="D708" s="6" t="s">
        <v>1770</v>
      </c>
      <c r="E708" s="5" t="s">
        <v>1771</v>
      </c>
      <c r="F708" s="7">
        <v>12650</v>
      </c>
      <c r="G708" s="5" t="s">
        <v>1711</v>
      </c>
      <c r="H708" s="6" t="s">
        <v>1712</v>
      </c>
      <c r="I708" s="8">
        <v>43810</v>
      </c>
    </row>
    <row r="709" spans="1:9" ht="24" x14ac:dyDescent="0.2">
      <c r="A709" s="4">
        <v>43556</v>
      </c>
      <c r="B709" s="5" t="s">
        <v>8</v>
      </c>
      <c r="C709" s="5" t="s">
        <v>1706</v>
      </c>
      <c r="D709" s="6" t="s">
        <v>1772</v>
      </c>
      <c r="E709" s="5" t="s">
        <v>786</v>
      </c>
      <c r="F709" s="7">
        <v>77000</v>
      </c>
      <c r="G709" s="5" t="s">
        <v>1738</v>
      </c>
      <c r="H709" s="6" t="s">
        <v>1739</v>
      </c>
      <c r="I709" s="8">
        <v>43810</v>
      </c>
    </row>
    <row r="710" spans="1:9" x14ac:dyDescent="0.2">
      <c r="A710" s="4">
        <v>43556</v>
      </c>
      <c r="B710" s="5" t="s">
        <v>8</v>
      </c>
      <c r="C710" s="5" t="s">
        <v>1706</v>
      </c>
      <c r="D710" s="6" t="s">
        <v>1773</v>
      </c>
      <c r="E710" s="5" t="s">
        <v>358</v>
      </c>
      <c r="F710" s="7">
        <v>155628</v>
      </c>
      <c r="G710" s="5" t="s">
        <v>1774</v>
      </c>
      <c r="H710" s="6" t="s">
        <v>1775</v>
      </c>
      <c r="I710" s="8">
        <v>43817</v>
      </c>
    </row>
    <row r="711" spans="1:9" x14ac:dyDescent="0.2">
      <c r="A711" s="4">
        <v>43556</v>
      </c>
      <c r="B711" s="5" t="s">
        <v>8</v>
      </c>
      <c r="C711" s="5" t="s">
        <v>1706</v>
      </c>
      <c r="D711" s="6" t="s">
        <v>1776</v>
      </c>
      <c r="E711" s="5" t="s">
        <v>1777</v>
      </c>
      <c r="F711" s="7">
        <v>51810</v>
      </c>
      <c r="G711" s="5" t="s">
        <v>1778</v>
      </c>
      <c r="H711" s="6" t="s">
        <v>33</v>
      </c>
      <c r="I711" s="8">
        <v>43824</v>
      </c>
    </row>
    <row r="712" spans="1:9" ht="24" x14ac:dyDescent="0.2">
      <c r="A712" s="4">
        <v>43556</v>
      </c>
      <c r="B712" s="5" t="s">
        <v>8</v>
      </c>
      <c r="C712" s="5" t="s">
        <v>1706</v>
      </c>
      <c r="D712" s="6" t="s">
        <v>1779</v>
      </c>
      <c r="E712" s="5" t="s">
        <v>1780</v>
      </c>
      <c r="F712" s="7">
        <v>159610</v>
      </c>
      <c r="G712" s="5" t="s">
        <v>1715</v>
      </c>
      <c r="H712" s="6" t="s">
        <v>1065</v>
      </c>
      <c r="I712" s="8">
        <v>43825</v>
      </c>
    </row>
    <row r="713" spans="1:9" ht="24" x14ac:dyDescent="0.2">
      <c r="A713" s="4">
        <v>43556</v>
      </c>
      <c r="B713" s="5" t="s">
        <v>8</v>
      </c>
      <c r="C713" s="5" t="s">
        <v>1706</v>
      </c>
      <c r="D713" s="6" t="s">
        <v>1781</v>
      </c>
      <c r="E713" s="5" t="s">
        <v>1782</v>
      </c>
      <c r="F713" s="7">
        <v>117577</v>
      </c>
      <c r="G713" s="5" t="s">
        <v>1711</v>
      </c>
      <c r="H713" s="6" t="s">
        <v>1712</v>
      </c>
      <c r="I713" s="8">
        <v>43825</v>
      </c>
    </row>
    <row r="714" spans="1:9" ht="24" x14ac:dyDescent="0.2">
      <c r="A714" s="4">
        <v>43556</v>
      </c>
      <c r="B714" s="5" t="s">
        <v>8</v>
      </c>
      <c r="C714" s="5" t="s">
        <v>1783</v>
      </c>
      <c r="D714" s="6" t="s">
        <v>1784</v>
      </c>
      <c r="E714" s="5" t="s">
        <v>1785</v>
      </c>
      <c r="F714" s="7">
        <v>106781</v>
      </c>
      <c r="G714" s="5" t="s">
        <v>1711</v>
      </c>
      <c r="H714" s="6" t="s">
        <v>1712</v>
      </c>
      <c r="I714" s="8">
        <v>43741</v>
      </c>
    </row>
    <row r="715" spans="1:9" ht="24" x14ac:dyDescent="0.2">
      <c r="A715" s="4">
        <v>43556</v>
      </c>
      <c r="B715" s="5" t="s">
        <v>8</v>
      </c>
      <c r="C715" s="5" t="s">
        <v>1783</v>
      </c>
      <c r="D715" s="6" t="s">
        <v>1786</v>
      </c>
      <c r="E715" s="5" t="s">
        <v>1787</v>
      </c>
      <c r="F715" s="7">
        <v>12052</v>
      </c>
      <c r="G715" s="5" t="s">
        <v>1711</v>
      </c>
      <c r="H715" s="6" t="s">
        <v>1712</v>
      </c>
      <c r="I715" s="8">
        <v>43741</v>
      </c>
    </row>
    <row r="716" spans="1:9" x14ac:dyDescent="0.2">
      <c r="A716" s="4">
        <v>43556</v>
      </c>
      <c r="B716" s="5" t="s">
        <v>8</v>
      </c>
      <c r="C716" s="5" t="s">
        <v>1783</v>
      </c>
      <c r="D716" s="6" t="s">
        <v>1788</v>
      </c>
      <c r="E716" s="5" t="s">
        <v>1789</v>
      </c>
      <c r="F716" s="7">
        <v>55689</v>
      </c>
      <c r="G716" s="5" t="s">
        <v>1753</v>
      </c>
      <c r="H716" s="6" t="s">
        <v>1754</v>
      </c>
      <c r="I716" s="8">
        <v>43741</v>
      </c>
    </row>
    <row r="717" spans="1:9" ht="24" x14ac:dyDescent="0.2">
      <c r="A717" s="4">
        <v>43556</v>
      </c>
      <c r="B717" s="5" t="s">
        <v>8</v>
      </c>
      <c r="C717" s="5" t="s">
        <v>1783</v>
      </c>
      <c r="D717" s="6" t="s">
        <v>1790</v>
      </c>
      <c r="E717" s="5" t="s">
        <v>1791</v>
      </c>
      <c r="F717" s="7">
        <v>57876</v>
      </c>
      <c r="G717" s="5" t="s">
        <v>1792</v>
      </c>
      <c r="H717" s="6" t="s">
        <v>1249</v>
      </c>
      <c r="I717" s="8">
        <v>43742</v>
      </c>
    </row>
    <row r="718" spans="1:9" ht="24" x14ac:dyDescent="0.2">
      <c r="A718" s="4">
        <v>43556</v>
      </c>
      <c r="B718" s="5" t="s">
        <v>8</v>
      </c>
      <c r="C718" s="5" t="s">
        <v>1783</v>
      </c>
      <c r="D718" s="6" t="s">
        <v>1793</v>
      </c>
      <c r="E718" s="5" t="s">
        <v>1794</v>
      </c>
      <c r="F718" s="7">
        <v>190782</v>
      </c>
      <c r="G718" s="5" t="s">
        <v>1795</v>
      </c>
      <c r="H718" s="6" t="s">
        <v>1065</v>
      </c>
      <c r="I718" s="8">
        <v>43755</v>
      </c>
    </row>
    <row r="719" spans="1:9" ht="24" x14ac:dyDescent="0.2">
      <c r="A719" s="4">
        <v>43556</v>
      </c>
      <c r="B719" s="5" t="s">
        <v>8</v>
      </c>
      <c r="C719" s="5" t="s">
        <v>1783</v>
      </c>
      <c r="D719" s="6" t="s">
        <v>1796</v>
      </c>
      <c r="E719" s="5" t="s">
        <v>1797</v>
      </c>
      <c r="F719" s="7">
        <v>17696</v>
      </c>
      <c r="G719" s="5" t="s">
        <v>1711</v>
      </c>
      <c r="H719" s="6" t="s">
        <v>1712</v>
      </c>
      <c r="I719" s="8">
        <v>43770</v>
      </c>
    </row>
    <row r="720" spans="1:9" x14ac:dyDescent="0.2">
      <c r="A720" s="4">
        <v>43556</v>
      </c>
      <c r="B720" s="5" t="s">
        <v>8</v>
      </c>
      <c r="C720" s="5" t="s">
        <v>1783</v>
      </c>
      <c r="D720" s="6" t="s">
        <v>1798</v>
      </c>
      <c r="E720" s="5" t="s">
        <v>1799</v>
      </c>
      <c r="F720" s="7">
        <v>43883</v>
      </c>
      <c r="G720" s="5" t="s">
        <v>1753</v>
      </c>
      <c r="H720" s="6" t="s">
        <v>1754</v>
      </c>
      <c r="I720" s="8">
        <v>43780</v>
      </c>
    </row>
    <row r="721" spans="1:9" ht="24" x14ac:dyDescent="0.2">
      <c r="A721" s="4">
        <v>43556</v>
      </c>
      <c r="B721" s="5" t="s">
        <v>8</v>
      </c>
      <c r="C721" s="5" t="s">
        <v>1783</v>
      </c>
      <c r="D721" s="6" t="s">
        <v>1800</v>
      </c>
      <c r="E721" s="5" t="s">
        <v>1801</v>
      </c>
      <c r="F721" s="7">
        <v>107800</v>
      </c>
      <c r="G721" s="5" t="s">
        <v>1738</v>
      </c>
      <c r="H721" s="6" t="s">
        <v>1739</v>
      </c>
      <c r="I721" s="8">
        <v>43780</v>
      </c>
    </row>
    <row r="722" spans="1:9" x14ac:dyDescent="0.2">
      <c r="A722" s="4">
        <v>43556</v>
      </c>
      <c r="B722" s="5" t="s">
        <v>8</v>
      </c>
      <c r="C722" s="5" t="s">
        <v>1783</v>
      </c>
      <c r="D722" s="6" t="s">
        <v>1802</v>
      </c>
      <c r="E722" s="5" t="s">
        <v>1803</v>
      </c>
      <c r="F722" s="7">
        <v>45881</v>
      </c>
      <c r="G722" s="5" t="s">
        <v>1774</v>
      </c>
      <c r="H722" s="6" t="s">
        <v>1775</v>
      </c>
      <c r="I722" s="8">
        <v>43791</v>
      </c>
    </row>
    <row r="723" spans="1:9" ht="24" x14ac:dyDescent="0.2">
      <c r="A723" s="4">
        <v>43556</v>
      </c>
      <c r="B723" s="5" t="s">
        <v>8</v>
      </c>
      <c r="C723" s="5" t="s">
        <v>1783</v>
      </c>
      <c r="D723" s="6" t="s">
        <v>1804</v>
      </c>
      <c r="E723" s="5" t="s">
        <v>1805</v>
      </c>
      <c r="F723" s="7">
        <v>130548</v>
      </c>
      <c r="G723" s="5" t="s">
        <v>1711</v>
      </c>
      <c r="H723" s="6" t="s">
        <v>1712</v>
      </c>
      <c r="I723" s="8">
        <v>43795</v>
      </c>
    </row>
    <row r="724" spans="1:9" ht="24" x14ac:dyDescent="0.2">
      <c r="A724" s="4">
        <v>43556</v>
      </c>
      <c r="B724" s="5" t="s">
        <v>8</v>
      </c>
      <c r="C724" s="5" t="s">
        <v>1783</v>
      </c>
      <c r="D724" s="6" t="s">
        <v>1806</v>
      </c>
      <c r="E724" s="5" t="s">
        <v>1463</v>
      </c>
      <c r="F724" s="7">
        <v>1320</v>
      </c>
      <c r="G724" s="5" t="s">
        <v>1807</v>
      </c>
      <c r="H724" s="6" t="s">
        <v>1808</v>
      </c>
      <c r="I724" s="8">
        <v>43798</v>
      </c>
    </row>
    <row r="725" spans="1:9" ht="24" x14ac:dyDescent="0.2">
      <c r="A725" s="4">
        <v>43556</v>
      </c>
      <c r="B725" s="5" t="s">
        <v>8</v>
      </c>
      <c r="C725" s="5" t="s">
        <v>1783</v>
      </c>
      <c r="D725" s="6" t="s">
        <v>1809</v>
      </c>
      <c r="E725" s="5" t="s">
        <v>1205</v>
      </c>
      <c r="F725" s="7">
        <v>111958</v>
      </c>
      <c r="G725" s="5" t="s">
        <v>1738</v>
      </c>
      <c r="H725" s="6" t="s">
        <v>1739</v>
      </c>
      <c r="I725" s="8">
        <v>43805</v>
      </c>
    </row>
    <row r="726" spans="1:9" ht="24" x14ac:dyDescent="0.2">
      <c r="A726" s="4">
        <v>43556</v>
      </c>
      <c r="B726" s="5" t="s">
        <v>8</v>
      </c>
      <c r="C726" s="5" t="s">
        <v>1783</v>
      </c>
      <c r="D726" s="6" t="s">
        <v>1810</v>
      </c>
      <c r="E726" s="5" t="s">
        <v>654</v>
      </c>
      <c r="F726" s="7">
        <v>130944</v>
      </c>
      <c r="G726" s="5" t="s">
        <v>1795</v>
      </c>
      <c r="H726" s="6" t="s">
        <v>1065</v>
      </c>
      <c r="I726" s="8">
        <v>43810</v>
      </c>
    </row>
    <row r="727" spans="1:9" ht="24" x14ac:dyDescent="0.2">
      <c r="A727" s="4">
        <v>43556</v>
      </c>
      <c r="B727" s="5" t="s">
        <v>8</v>
      </c>
      <c r="C727" s="5" t="s">
        <v>1783</v>
      </c>
      <c r="D727" s="6" t="s">
        <v>1811</v>
      </c>
      <c r="E727" s="5" t="s">
        <v>652</v>
      </c>
      <c r="F727" s="7">
        <v>30360</v>
      </c>
      <c r="G727" s="5" t="s">
        <v>625</v>
      </c>
      <c r="H727" s="6" t="s">
        <v>265</v>
      </c>
      <c r="I727" s="8">
        <v>43810</v>
      </c>
    </row>
    <row r="728" spans="1:9" ht="24" x14ac:dyDescent="0.2">
      <c r="A728" s="4">
        <v>43556</v>
      </c>
      <c r="B728" s="5" t="s">
        <v>8</v>
      </c>
      <c r="C728" s="5" t="s">
        <v>1783</v>
      </c>
      <c r="D728" s="6" t="s">
        <v>1812</v>
      </c>
      <c r="E728" s="5" t="s">
        <v>1813</v>
      </c>
      <c r="F728" s="7">
        <v>71429</v>
      </c>
      <c r="G728" s="5" t="s">
        <v>1814</v>
      </c>
      <c r="H728" s="6" t="s">
        <v>1815</v>
      </c>
      <c r="I728" s="8">
        <v>43825</v>
      </c>
    </row>
    <row r="729" spans="1:9" ht="24" x14ac:dyDescent="0.2">
      <c r="A729" s="4">
        <v>43556</v>
      </c>
      <c r="B729" s="5" t="s">
        <v>8</v>
      </c>
      <c r="C729" s="5" t="s">
        <v>1816</v>
      </c>
      <c r="D729" s="6" t="s">
        <v>1817</v>
      </c>
      <c r="E729" s="5" t="s">
        <v>1818</v>
      </c>
      <c r="F729" s="7">
        <v>169074</v>
      </c>
      <c r="G729" s="5" t="s">
        <v>1819</v>
      </c>
      <c r="H729" s="6" t="s">
        <v>1775</v>
      </c>
      <c r="I729" s="8">
        <v>43745</v>
      </c>
    </row>
    <row r="730" spans="1:9" ht="24" x14ac:dyDescent="0.2">
      <c r="A730" s="4">
        <v>43556</v>
      </c>
      <c r="B730" s="5" t="s">
        <v>8</v>
      </c>
      <c r="C730" s="5" t="s">
        <v>1816</v>
      </c>
      <c r="D730" s="6" t="s">
        <v>1820</v>
      </c>
      <c r="E730" s="5" t="s">
        <v>1821</v>
      </c>
      <c r="F730" s="7">
        <v>406534</v>
      </c>
      <c r="G730" s="5" t="s">
        <v>1819</v>
      </c>
      <c r="H730" s="6" t="s">
        <v>1775</v>
      </c>
      <c r="I730" s="8">
        <v>43745</v>
      </c>
    </row>
    <row r="731" spans="1:9" ht="24" x14ac:dyDescent="0.2">
      <c r="A731" s="4">
        <v>43556</v>
      </c>
      <c r="B731" s="5" t="s">
        <v>8</v>
      </c>
      <c r="C731" s="5" t="s">
        <v>1816</v>
      </c>
      <c r="D731" s="6" t="s">
        <v>1822</v>
      </c>
      <c r="E731" s="5" t="s">
        <v>1823</v>
      </c>
      <c r="F731" s="7">
        <v>76965</v>
      </c>
      <c r="G731" s="5" t="s">
        <v>1711</v>
      </c>
      <c r="H731" s="6" t="s">
        <v>1712</v>
      </c>
      <c r="I731" s="8">
        <v>43745</v>
      </c>
    </row>
    <row r="732" spans="1:9" ht="24" x14ac:dyDescent="0.2">
      <c r="A732" s="4">
        <v>43556</v>
      </c>
      <c r="B732" s="5" t="s">
        <v>8</v>
      </c>
      <c r="C732" s="5" t="s">
        <v>1816</v>
      </c>
      <c r="D732" s="6" t="s">
        <v>1824</v>
      </c>
      <c r="E732" s="5" t="s">
        <v>1825</v>
      </c>
      <c r="F732" s="7">
        <v>314344</v>
      </c>
      <c r="G732" s="5" t="s">
        <v>1826</v>
      </c>
      <c r="H732" s="6" t="s">
        <v>1065</v>
      </c>
      <c r="I732" s="8">
        <v>43747</v>
      </c>
    </row>
    <row r="733" spans="1:9" x14ac:dyDescent="0.2">
      <c r="A733" s="4">
        <v>43556</v>
      </c>
      <c r="B733" s="5" t="s">
        <v>8</v>
      </c>
      <c r="C733" s="5" t="s">
        <v>1816</v>
      </c>
      <c r="D733" s="6" t="s">
        <v>1827</v>
      </c>
      <c r="E733" s="5" t="s">
        <v>1828</v>
      </c>
      <c r="F733" s="7">
        <v>3000</v>
      </c>
      <c r="G733" s="5" t="s">
        <v>2489</v>
      </c>
      <c r="H733" s="6" t="s">
        <v>33</v>
      </c>
      <c r="I733" s="8">
        <v>43761</v>
      </c>
    </row>
    <row r="734" spans="1:9" ht="24" x14ac:dyDescent="0.2">
      <c r="A734" s="4">
        <v>43556</v>
      </c>
      <c r="B734" s="5" t="s">
        <v>8</v>
      </c>
      <c r="C734" s="5" t="s">
        <v>1816</v>
      </c>
      <c r="D734" s="6" t="s">
        <v>1829</v>
      </c>
      <c r="E734" s="5" t="s">
        <v>1830</v>
      </c>
      <c r="F734" s="7">
        <v>24637</v>
      </c>
      <c r="G734" s="5" t="s">
        <v>1711</v>
      </c>
      <c r="H734" s="6" t="s">
        <v>1712</v>
      </c>
      <c r="I734" s="8">
        <v>43766</v>
      </c>
    </row>
    <row r="735" spans="1:9" x14ac:dyDescent="0.2">
      <c r="A735" s="4">
        <v>43556</v>
      </c>
      <c r="B735" s="5" t="s">
        <v>8</v>
      </c>
      <c r="C735" s="5" t="s">
        <v>1816</v>
      </c>
      <c r="D735" s="6" t="s">
        <v>1831</v>
      </c>
      <c r="E735" s="5" t="s">
        <v>1832</v>
      </c>
      <c r="F735" s="7">
        <v>50055</v>
      </c>
      <c r="G735" s="5" t="s">
        <v>173</v>
      </c>
      <c r="H735" s="6" t="s">
        <v>33</v>
      </c>
      <c r="I735" s="8">
        <v>43770</v>
      </c>
    </row>
    <row r="736" spans="1:9" ht="24" x14ac:dyDescent="0.2">
      <c r="A736" s="4">
        <v>43556</v>
      </c>
      <c r="B736" s="5" t="s">
        <v>8</v>
      </c>
      <c r="C736" s="5" t="s">
        <v>1816</v>
      </c>
      <c r="D736" s="6" t="s">
        <v>1833</v>
      </c>
      <c r="E736" s="5" t="s">
        <v>1834</v>
      </c>
      <c r="F736" s="7">
        <v>41580</v>
      </c>
      <c r="G736" s="5" t="s">
        <v>1835</v>
      </c>
      <c r="H736" s="6" t="s">
        <v>62</v>
      </c>
      <c r="I736" s="8">
        <v>43774</v>
      </c>
    </row>
    <row r="737" spans="1:9" ht="24" x14ac:dyDescent="0.2">
      <c r="A737" s="4">
        <v>43556</v>
      </c>
      <c r="B737" s="5" t="s">
        <v>8</v>
      </c>
      <c r="C737" s="5" t="s">
        <v>1816</v>
      </c>
      <c r="D737" s="6" t="s">
        <v>1836</v>
      </c>
      <c r="E737" s="5" t="s">
        <v>1837</v>
      </c>
      <c r="F737" s="7">
        <v>154000</v>
      </c>
      <c r="G737" s="5" t="s">
        <v>1838</v>
      </c>
      <c r="H737" s="6" t="s">
        <v>1739</v>
      </c>
      <c r="I737" s="8">
        <v>43780</v>
      </c>
    </row>
    <row r="738" spans="1:9" ht="24" x14ac:dyDescent="0.2">
      <c r="A738" s="4">
        <v>43556</v>
      </c>
      <c r="B738" s="5" t="s">
        <v>8</v>
      </c>
      <c r="C738" s="5" t="s">
        <v>1816</v>
      </c>
      <c r="D738" s="6" t="s">
        <v>1839</v>
      </c>
      <c r="E738" s="5" t="s">
        <v>792</v>
      </c>
      <c r="F738" s="7">
        <v>108768</v>
      </c>
      <c r="G738" s="5" t="s">
        <v>1835</v>
      </c>
      <c r="H738" s="6" t="s">
        <v>62</v>
      </c>
      <c r="I738" s="8">
        <v>43789</v>
      </c>
    </row>
    <row r="739" spans="1:9" x14ac:dyDescent="0.2">
      <c r="A739" s="4">
        <v>43556</v>
      </c>
      <c r="B739" s="5" t="s">
        <v>8</v>
      </c>
      <c r="C739" s="5" t="s">
        <v>1816</v>
      </c>
      <c r="D739" s="6" t="s">
        <v>1840</v>
      </c>
      <c r="E739" s="5" t="s">
        <v>1841</v>
      </c>
      <c r="F739" s="7">
        <v>3000</v>
      </c>
      <c r="G739" s="5" t="s">
        <v>2490</v>
      </c>
      <c r="H739" s="6" t="s">
        <v>33</v>
      </c>
      <c r="I739" s="8">
        <v>43796</v>
      </c>
    </row>
    <row r="740" spans="1:9" ht="24" x14ac:dyDescent="0.2">
      <c r="A740" s="4">
        <v>43556</v>
      </c>
      <c r="B740" s="5" t="s">
        <v>8</v>
      </c>
      <c r="C740" s="5" t="s">
        <v>1816</v>
      </c>
      <c r="D740" s="6" t="s">
        <v>1842</v>
      </c>
      <c r="E740" s="5" t="s">
        <v>1843</v>
      </c>
      <c r="F740" s="7">
        <v>36080</v>
      </c>
      <c r="G740" s="5" t="s">
        <v>1835</v>
      </c>
      <c r="H740" s="6" t="s">
        <v>62</v>
      </c>
      <c r="I740" s="8">
        <v>43802</v>
      </c>
    </row>
    <row r="741" spans="1:9" ht="24" x14ac:dyDescent="0.2">
      <c r="A741" s="4">
        <v>43556</v>
      </c>
      <c r="B741" s="5" t="s">
        <v>8</v>
      </c>
      <c r="C741" s="5" t="s">
        <v>1816</v>
      </c>
      <c r="D741" s="6" t="s">
        <v>1844</v>
      </c>
      <c r="E741" s="5" t="s">
        <v>1845</v>
      </c>
      <c r="F741" s="7">
        <v>39441</v>
      </c>
      <c r="G741" s="5" t="s">
        <v>1711</v>
      </c>
      <c r="H741" s="6" t="s">
        <v>1712</v>
      </c>
      <c r="I741" s="8">
        <v>43802</v>
      </c>
    </row>
    <row r="742" spans="1:9" ht="24" x14ac:dyDescent="0.2">
      <c r="A742" s="4">
        <v>43556</v>
      </c>
      <c r="B742" s="5" t="s">
        <v>8</v>
      </c>
      <c r="C742" s="5" t="s">
        <v>1816</v>
      </c>
      <c r="D742" s="6" t="s">
        <v>1846</v>
      </c>
      <c r="E742" s="5" t="s">
        <v>1847</v>
      </c>
      <c r="F742" s="7">
        <v>31900</v>
      </c>
      <c r="G742" s="5" t="s">
        <v>1819</v>
      </c>
      <c r="H742" s="6" t="s">
        <v>1775</v>
      </c>
      <c r="I742" s="8">
        <v>43803</v>
      </c>
    </row>
    <row r="743" spans="1:9" ht="24" x14ac:dyDescent="0.2">
      <c r="A743" s="4">
        <v>43556</v>
      </c>
      <c r="B743" s="5" t="s">
        <v>8</v>
      </c>
      <c r="C743" s="5" t="s">
        <v>1816</v>
      </c>
      <c r="D743" s="6" t="s">
        <v>1848</v>
      </c>
      <c r="E743" s="5" t="s">
        <v>650</v>
      </c>
      <c r="F743" s="7">
        <v>92400</v>
      </c>
      <c r="G743" s="5" t="s">
        <v>1838</v>
      </c>
      <c r="H743" s="6" t="s">
        <v>1739</v>
      </c>
      <c r="I743" s="8">
        <v>43805</v>
      </c>
    </row>
    <row r="744" spans="1:9" ht="24" x14ac:dyDescent="0.2">
      <c r="A744" s="4">
        <v>43556</v>
      </c>
      <c r="B744" s="5" t="s">
        <v>8</v>
      </c>
      <c r="C744" s="5" t="s">
        <v>1816</v>
      </c>
      <c r="D744" s="6" t="s">
        <v>1849</v>
      </c>
      <c r="E744" s="5" t="s">
        <v>1850</v>
      </c>
      <c r="F744" s="7">
        <v>14192</v>
      </c>
      <c r="G744" s="5" t="s">
        <v>1819</v>
      </c>
      <c r="H744" s="6" t="s">
        <v>1775</v>
      </c>
      <c r="I744" s="8">
        <v>43809</v>
      </c>
    </row>
    <row r="745" spans="1:9" ht="24" x14ac:dyDescent="0.2">
      <c r="A745" s="4">
        <v>43556</v>
      </c>
      <c r="B745" s="5" t="s">
        <v>8</v>
      </c>
      <c r="C745" s="5" t="s">
        <v>1816</v>
      </c>
      <c r="D745" s="6" t="s">
        <v>1851</v>
      </c>
      <c r="E745" s="5" t="s">
        <v>1852</v>
      </c>
      <c r="F745" s="7">
        <v>347380</v>
      </c>
      <c r="G745" s="5" t="s">
        <v>1853</v>
      </c>
      <c r="H745" s="6" t="s">
        <v>1854</v>
      </c>
      <c r="I745" s="8">
        <v>43818</v>
      </c>
    </row>
    <row r="746" spans="1:9" x14ac:dyDescent="0.2">
      <c r="A746" s="4">
        <v>43556</v>
      </c>
      <c r="B746" s="5" t="s">
        <v>8</v>
      </c>
      <c r="C746" s="5" t="s">
        <v>1816</v>
      </c>
      <c r="D746" s="6" t="s">
        <v>1855</v>
      </c>
      <c r="E746" s="5" t="s">
        <v>1856</v>
      </c>
      <c r="F746" s="7">
        <v>3000</v>
      </c>
      <c r="G746" s="5" t="s">
        <v>2489</v>
      </c>
      <c r="H746" s="6" t="s">
        <v>33</v>
      </c>
      <c r="I746" s="8">
        <v>43822</v>
      </c>
    </row>
    <row r="747" spans="1:9" ht="24" x14ac:dyDescent="0.2">
      <c r="A747" s="4">
        <v>43556</v>
      </c>
      <c r="B747" s="5" t="s">
        <v>8</v>
      </c>
      <c r="C747" s="5" t="s">
        <v>1857</v>
      </c>
      <c r="D747" s="6" t="s">
        <v>1858</v>
      </c>
      <c r="E747" s="5" t="s">
        <v>1001</v>
      </c>
      <c r="F747" s="7">
        <v>58752</v>
      </c>
      <c r="G747" s="5" t="s">
        <v>1711</v>
      </c>
      <c r="H747" s="6" t="s">
        <v>1712</v>
      </c>
      <c r="I747" s="8">
        <v>43742</v>
      </c>
    </row>
    <row r="748" spans="1:9" ht="24" x14ac:dyDescent="0.2">
      <c r="A748" s="4">
        <v>43556</v>
      </c>
      <c r="B748" s="5" t="s">
        <v>8</v>
      </c>
      <c r="C748" s="5" t="s">
        <v>1857</v>
      </c>
      <c r="D748" s="6" t="s">
        <v>1859</v>
      </c>
      <c r="E748" s="5" t="s">
        <v>876</v>
      </c>
      <c r="F748" s="7">
        <v>35980</v>
      </c>
      <c r="G748" s="5" t="s">
        <v>1860</v>
      </c>
      <c r="H748" s="6" t="s">
        <v>1861</v>
      </c>
      <c r="I748" s="8">
        <v>43747</v>
      </c>
    </row>
    <row r="749" spans="1:9" ht="24" x14ac:dyDescent="0.2">
      <c r="A749" s="4">
        <v>43556</v>
      </c>
      <c r="B749" s="5" t="s">
        <v>8</v>
      </c>
      <c r="C749" s="5" t="s">
        <v>1857</v>
      </c>
      <c r="D749" s="6" t="s">
        <v>1862</v>
      </c>
      <c r="E749" s="5" t="s">
        <v>629</v>
      </c>
      <c r="F749" s="7">
        <v>38500</v>
      </c>
      <c r="G749" s="5" t="s">
        <v>1738</v>
      </c>
      <c r="H749" s="6" t="s">
        <v>1739</v>
      </c>
      <c r="I749" s="8">
        <v>43788</v>
      </c>
    </row>
    <row r="750" spans="1:9" ht="24" x14ac:dyDescent="0.2">
      <c r="A750" s="4">
        <v>43556</v>
      </c>
      <c r="B750" s="5" t="s">
        <v>8</v>
      </c>
      <c r="C750" s="5" t="s">
        <v>1857</v>
      </c>
      <c r="D750" s="6" t="s">
        <v>1863</v>
      </c>
      <c r="E750" s="5" t="s">
        <v>1147</v>
      </c>
      <c r="F750" s="7">
        <v>47949</v>
      </c>
      <c r="G750" s="5" t="s">
        <v>1715</v>
      </c>
      <c r="H750" s="6" t="s">
        <v>1065</v>
      </c>
      <c r="I750" s="8">
        <v>43797</v>
      </c>
    </row>
    <row r="751" spans="1:9" ht="24" x14ac:dyDescent="0.2">
      <c r="A751" s="4">
        <v>43556</v>
      </c>
      <c r="B751" s="5" t="s">
        <v>8</v>
      </c>
      <c r="C751" s="5" t="s">
        <v>1857</v>
      </c>
      <c r="D751" s="6" t="s">
        <v>1864</v>
      </c>
      <c r="E751" s="5" t="s">
        <v>1865</v>
      </c>
      <c r="F751" s="7">
        <v>41074</v>
      </c>
      <c r="G751" s="5" t="s">
        <v>1715</v>
      </c>
      <c r="H751" s="6" t="s">
        <v>1065</v>
      </c>
      <c r="I751" s="8">
        <v>43805</v>
      </c>
    </row>
    <row r="752" spans="1:9" ht="24" x14ac:dyDescent="0.2">
      <c r="A752" s="4">
        <v>43556</v>
      </c>
      <c r="B752" s="5" t="s">
        <v>8</v>
      </c>
      <c r="C752" s="5" t="s">
        <v>1857</v>
      </c>
      <c r="D752" s="6" t="s">
        <v>1866</v>
      </c>
      <c r="E752" s="5" t="s">
        <v>786</v>
      </c>
      <c r="F752" s="7">
        <v>46200</v>
      </c>
      <c r="G752" s="5" t="s">
        <v>1738</v>
      </c>
      <c r="H752" s="6" t="s">
        <v>1739</v>
      </c>
      <c r="I752" s="8">
        <v>43808</v>
      </c>
    </row>
    <row r="753" spans="1:9" ht="24" x14ac:dyDescent="0.2">
      <c r="A753" s="4">
        <v>43556</v>
      </c>
      <c r="B753" s="5" t="s">
        <v>8</v>
      </c>
      <c r="C753" s="5" t="s">
        <v>1857</v>
      </c>
      <c r="D753" s="6" t="s">
        <v>1867</v>
      </c>
      <c r="E753" s="5" t="s">
        <v>1868</v>
      </c>
      <c r="F753" s="7">
        <v>56034</v>
      </c>
      <c r="G753" s="5" t="s">
        <v>304</v>
      </c>
      <c r="H753" s="6" t="s">
        <v>305</v>
      </c>
      <c r="I753" s="8">
        <v>43808</v>
      </c>
    </row>
    <row r="754" spans="1:9" ht="24" x14ac:dyDescent="0.2">
      <c r="A754" s="4">
        <v>43556</v>
      </c>
      <c r="B754" s="5" t="s">
        <v>8</v>
      </c>
      <c r="C754" s="5" t="s">
        <v>1857</v>
      </c>
      <c r="D754" s="6" t="s">
        <v>1869</v>
      </c>
      <c r="E754" s="5" t="s">
        <v>1870</v>
      </c>
      <c r="F754" s="7">
        <v>103383</v>
      </c>
      <c r="G754" s="5" t="s">
        <v>1711</v>
      </c>
      <c r="H754" s="6" t="s">
        <v>1712</v>
      </c>
      <c r="I754" s="8">
        <v>43808</v>
      </c>
    </row>
    <row r="755" spans="1:9" ht="24" x14ac:dyDescent="0.2">
      <c r="A755" s="4">
        <v>43556</v>
      </c>
      <c r="B755" s="5" t="s">
        <v>8</v>
      </c>
      <c r="C755" s="5" t="s">
        <v>1857</v>
      </c>
      <c r="D755" s="6" t="s">
        <v>1871</v>
      </c>
      <c r="E755" s="5" t="s">
        <v>1156</v>
      </c>
      <c r="F755" s="7">
        <v>37378</v>
      </c>
      <c r="G755" s="5" t="s">
        <v>1715</v>
      </c>
      <c r="H755" s="6" t="s">
        <v>1065</v>
      </c>
      <c r="I755" s="8">
        <v>43812</v>
      </c>
    </row>
    <row r="756" spans="1:9" ht="24" x14ac:dyDescent="0.2">
      <c r="A756" s="4">
        <v>43556</v>
      </c>
      <c r="B756" s="5" t="s">
        <v>8</v>
      </c>
      <c r="C756" s="5" t="s">
        <v>1857</v>
      </c>
      <c r="D756" s="6" t="s">
        <v>1872</v>
      </c>
      <c r="E756" s="5" t="s">
        <v>1873</v>
      </c>
      <c r="F756" s="7">
        <v>35860</v>
      </c>
      <c r="G756" s="5" t="s">
        <v>1860</v>
      </c>
      <c r="H756" s="6" t="s">
        <v>1861</v>
      </c>
      <c r="I756" s="8">
        <v>43823</v>
      </c>
    </row>
    <row r="757" spans="1:9" ht="24" x14ac:dyDescent="0.2">
      <c r="A757" s="4">
        <v>43556</v>
      </c>
      <c r="B757" s="5" t="s">
        <v>8</v>
      </c>
      <c r="C757" s="5" t="s">
        <v>1857</v>
      </c>
      <c r="D757" s="6" t="s">
        <v>1874</v>
      </c>
      <c r="E757" s="5" t="s">
        <v>1875</v>
      </c>
      <c r="F757" s="7">
        <v>48400</v>
      </c>
      <c r="G757" s="5" t="s">
        <v>117</v>
      </c>
      <c r="H757" s="6" t="s">
        <v>118</v>
      </c>
      <c r="I757" s="8">
        <v>43823</v>
      </c>
    </row>
    <row r="758" spans="1:9" ht="24" x14ac:dyDescent="0.2">
      <c r="A758" s="4">
        <v>43556</v>
      </c>
      <c r="B758" s="5" t="s">
        <v>8</v>
      </c>
      <c r="C758" s="5" t="s">
        <v>1876</v>
      </c>
      <c r="D758" s="6" t="s">
        <v>1877</v>
      </c>
      <c r="E758" s="5" t="s">
        <v>1878</v>
      </c>
      <c r="F758" s="7">
        <v>82252</v>
      </c>
      <c r="G758" s="5" t="s">
        <v>1879</v>
      </c>
      <c r="H758" s="6" t="s">
        <v>1880</v>
      </c>
      <c r="I758" s="8">
        <v>43741</v>
      </c>
    </row>
    <row r="759" spans="1:9" ht="24" x14ac:dyDescent="0.2">
      <c r="A759" s="4">
        <v>43556</v>
      </c>
      <c r="B759" s="5" t="s">
        <v>8</v>
      </c>
      <c r="C759" s="5" t="s">
        <v>1876</v>
      </c>
      <c r="D759" s="6" t="s">
        <v>1881</v>
      </c>
      <c r="E759" s="5" t="s">
        <v>1882</v>
      </c>
      <c r="F759" s="7">
        <v>196145</v>
      </c>
      <c r="G759" s="5" t="s">
        <v>1883</v>
      </c>
      <c r="H759" s="6" t="s">
        <v>1884</v>
      </c>
      <c r="I759" s="8">
        <v>43741</v>
      </c>
    </row>
    <row r="760" spans="1:9" ht="24" x14ac:dyDescent="0.2">
      <c r="A760" s="4">
        <v>43556</v>
      </c>
      <c r="B760" s="5" t="s">
        <v>8</v>
      </c>
      <c r="C760" s="5" t="s">
        <v>1876</v>
      </c>
      <c r="D760" s="6" t="s">
        <v>1885</v>
      </c>
      <c r="E760" s="5" t="s">
        <v>1886</v>
      </c>
      <c r="F760" s="7">
        <v>157762</v>
      </c>
      <c r="G760" s="5" t="s">
        <v>1887</v>
      </c>
      <c r="H760" s="6" t="s">
        <v>1888</v>
      </c>
      <c r="I760" s="8">
        <v>43741</v>
      </c>
    </row>
    <row r="761" spans="1:9" ht="24" x14ac:dyDescent="0.2">
      <c r="A761" s="4">
        <v>43556</v>
      </c>
      <c r="B761" s="5" t="s">
        <v>8</v>
      </c>
      <c r="C761" s="5" t="s">
        <v>1876</v>
      </c>
      <c r="D761" s="6" t="s">
        <v>1889</v>
      </c>
      <c r="E761" s="5" t="s">
        <v>1161</v>
      </c>
      <c r="F761" s="7">
        <v>31420</v>
      </c>
      <c r="G761" s="5" t="s">
        <v>1890</v>
      </c>
      <c r="H761" s="6" t="s">
        <v>1891</v>
      </c>
      <c r="I761" s="8">
        <v>43748</v>
      </c>
    </row>
    <row r="762" spans="1:9" ht="24" x14ac:dyDescent="0.2">
      <c r="A762" s="4">
        <v>43556</v>
      </c>
      <c r="B762" s="5" t="s">
        <v>8</v>
      </c>
      <c r="C762" s="5" t="s">
        <v>1876</v>
      </c>
      <c r="D762" s="6" t="s">
        <v>1892</v>
      </c>
      <c r="E762" s="5" t="s">
        <v>1216</v>
      </c>
      <c r="F762" s="7">
        <v>99000</v>
      </c>
      <c r="G762" s="5" t="s">
        <v>264</v>
      </c>
      <c r="H762" s="6" t="s">
        <v>265</v>
      </c>
      <c r="I762" s="8">
        <v>43762</v>
      </c>
    </row>
    <row r="763" spans="1:9" ht="24" x14ac:dyDescent="0.2">
      <c r="A763" s="4">
        <v>43556</v>
      </c>
      <c r="B763" s="5" t="s">
        <v>8</v>
      </c>
      <c r="C763" s="5" t="s">
        <v>1876</v>
      </c>
      <c r="D763" s="6" t="s">
        <v>1893</v>
      </c>
      <c r="E763" s="5" t="s">
        <v>1894</v>
      </c>
      <c r="F763" s="7">
        <v>151635</v>
      </c>
      <c r="G763" s="5" t="s">
        <v>1887</v>
      </c>
      <c r="H763" s="6" t="s">
        <v>1888</v>
      </c>
      <c r="I763" s="8">
        <v>43775</v>
      </c>
    </row>
    <row r="764" spans="1:9" ht="24" x14ac:dyDescent="0.2">
      <c r="A764" s="4">
        <v>43556</v>
      </c>
      <c r="B764" s="5" t="s">
        <v>8</v>
      </c>
      <c r="C764" s="5" t="s">
        <v>1876</v>
      </c>
      <c r="D764" s="6" t="s">
        <v>1895</v>
      </c>
      <c r="E764" s="5" t="s">
        <v>1896</v>
      </c>
      <c r="F764" s="7">
        <v>85140</v>
      </c>
      <c r="G764" s="5" t="s">
        <v>61</v>
      </c>
      <c r="H764" s="6" t="s">
        <v>62</v>
      </c>
      <c r="I764" s="8">
        <v>43775</v>
      </c>
    </row>
    <row r="765" spans="1:9" ht="24" x14ac:dyDescent="0.2">
      <c r="A765" s="4">
        <v>43556</v>
      </c>
      <c r="B765" s="5" t="s">
        <v>8</v>
      </c>
      <c r="C765" s="5" t="s">
        <v>1876</v>
      </c>
      <c r="D765" s="6" t="s">
        <v>1897</v>
      </c>
      <c r="E765" s="5" t="s">
        <v>629</v>
      </c>
      <c r="F765" s="7">
        <v>153450</v>
      </c>
      <c r="G765" s="5" t="s">
        <v>61</v>
      </c>
      <c r="H765" s="6" t="s">
        <v>62</v>
      </c>
      <c r="I765" s="8">
        <v>43780</v>
      </c>
    </row>
    <row r="766" spans="1:9" ht="36" x14ac:dyDescent="0.2">
      <c r="A766" s="4">
        <v>43556</v>
      </c>
      <c r="B766" s="5" t="s">
        <v>8</v>
      </c>
      <c r="C766" s="5" t="s">
        <v>1876</v>
      </c>
      <c r="D766" s="6" t="s">
        <v>1898</v>
      </c>
      <c r="E766" s="5" t="s">
        <v>1899</v>
      </c>
      <c r="F766" s="7">
        <v>154154</v>
      </c>
      <c r="G766" s="5" t="s">
        <v>1900</v>
      </c>
      <c r="H766" s="6" t="s">
        <v>1901</v>
      </c>
      <c r="I766" s="8">
        <v>43795</v>
      </c>
    </row>
    <row r="767" spans="1:9" ht="24" x14ac:dyDescent="0.2">
      <c r="A767" s="4">
        <v>43556</v>
      </c>
      <c r="B767" s="5" t="s">
        <v>8</v>
      </c>
      <c r="C767" s="5" t="s">
        <v>1876</v>
      </c>
      <c r="D767" s="6" t="s">
        <v>1902</v>
      </c>
      <c r="E767" s="5" t="s">
        <v>1903</v>
      </c>
      <c r="F767" s="7">
        <v>65604</v>
      </c>
      <c r="G767" s="5" t="s">
        <v>1904</v>
      </c>
      <c r="H767" s="6" t="s">
        <v>1905</v>
      </c>
      <c r="I767" s="8">
        <v>43797</v>
      </c>
    </row>
    <row r="768" spans="1:9" ht="24" x14ac:dyDescent="0.2">
      <c r="A768" s="4">
        <v>43556</v>
      </c>
      <c r="B768" s="5" t="s">
        <v>8</v>
      </c>
      <c r="C768" s="5" t="s">
        <v>1876</v>
      </c>
      <c r="D768" s="6" t="s">
        <v>1906</v>
      </c>
      <c r="E768" s="5" t="s">
        <v>1907</v>
      </c>
      <c r="F768" s="7">
        <v>43252</v>
      </c>
      <c r="G768" s="5" t="s">
        <v>1879</v>
      </c>
      <c r="H768" s="6" t="s">
        <v>1880</v>
      </c>
      <c r="I768" s="8">
        <v>43808</v>
      </c>
    </row>
    <row r="769" spans="1:9" ht="24" x14ac:dyDescent="0.2">
      <c r="A769" s="4">
        <v>43556</v>
      </c>
      <c r="B769" s="5" t="s">
        <v>8</v>
      </c>
      <c r="C769" s="5" t="s">
        <v>1876</v>
      </c>
      <c r="D769" s="6" t="s">
        <v>1908</v>
      </c>
      <c r="E769" s="5" t="s">
        <v>1909</v>
      </c>
      <c r="F769" s="7">
        <v>212217</v>
      </c>
      <c r="G769" s="5" t="s">
        <v>1887</v>
      </c>
      <c r="H769" s="6" t="s">
        <v>1888</v>
      </c>
      <c r="I769" s="8">
        <v>43809</v>
      </c>
    </row>
    <row r="770" spans="1:9" ht="24" x14ac:dyDescent="0.2">
      <c r="A770" s="4">
        <v>43556</v>
      </c>
      <c r="B770" s="5" t="s">
        <v>8</v>
      </c>
      <c r="C770" s="5" t="s">
        <v>1876</v>
      </c>
      <c r="D770" s="6" t="s">
        <v>1910</v>
      </c>
      <c r="E770" s="5" t="s">
        <v>786</v>
      </c>
      <c r="F770" s="7">
        <v>161645</v>
      </c>
      <c r="G770" s="5" t="s">
        <v>61</v>
      </c>
      <c r="H770" s="6" t="s">
        <v>62</v>
      </c>
      <c r="I770" s="8">
        <v>43809</v>
      </c>
    </row>
    <row r="771" spans="1:9" ht="24" x14ac:dyDescent="0.2">
      <c r="A771" s="4">
        <v>43556</v>
      </c>
      <c r="B771" s="5" t="s">
        <v>8</v>
      </c>
      <c r="C771" s="5" t="s">
        <v>1876</v>
      </c>
      <c r="D771" s="6" t="s">
        <v>1911</v>
      </c>
      <c r="E771" s="5" t="s">
        <v>1912</v>
      </c>
      <c r="F771" s="7">
        <v>4450</v>
      </c>
      <c r="G771" s="5" t="s">
        <v>1913</v>
      </c>
      <c r="H771" s="6" t="s">
        <v>1914</v>
      </c>
      <c r="I771" s="8">
        <v>43816</v>
      </c>
    </row>
    <row r="772" spans="1:9" ht="24" x14ac:dyDescent="0.2">
      <c r="A772" s="4">
        <v>43556</v>
      </c>
      <c r="B772" s="5" t="s">
        <v>8</v>
      </c>
      <c r="C772" s="5" t="s">
        <v>1876</v>
      </c>
      <c r="D772" s="6" t="s">
        <v>1915</v>
      </c>
      <c r="E772" s="5" t="s">
        <v>1916</v>
      </c>
      <c r="F772" s="7">
        <v>27610</v>
      </c>
      <c r="G772" s="5" t="s">
        <v>1879</v>
      </c>
      <c r="H772" s="6" t="s">
        <v>1880</v>
      </c>
      <c r="I772" s="8">
        <v>43817</v>
      </c>
    </row>
    <row r="773" spans="1:9" ht="24" x14ac:dyDescent="0.2">
      <c r="A773" s="4">
        <v>43556</v>
      </c>
      <c r="B773" s="5" t="s">
        <v>8</v>
      </c>
      <c r="C773" s="5" t="s">
        <v>1917</v>
      </c>
      <c r="D773" s="6" t="s">
        <v>1918</v>
      </c>
      <c r="E773" s="5" t="s">
        <v>1919</v>
      </c>
      <c r="F773" s="7">
        <v>19310</v>
      </c>
      <c r="G773" s="5" t="s">
        <v>1879</v>
      </c>
      <c r="H773" s="6" t="s">
        <v>1880</v>
      </c>
      <c r="I773" s="8">
        <v>43741</v>
      </c>
    </row>
    <row r="774" spans="1:9" ht="24" x14ac:dyDescent="0.2">
      <c r="A774" s="4">
        <v>43556</v>
      </c>
      <c r="B774" s="5" t="s">
        <v>8</v>
      </c>
      <c r="C774" s="5" t="s">
        <v>1917</v>
      </c>
      <c r="D774" s="6" t="s">
        <v>1920</v>
      </c>
      <c r="E774" s="5" t="s">
        <v>1921</v>
      </c>
      <c r="F774" s="7">
        <v>76140</v>
      </c>
      <c r="G774" s="5" t="s">
        <v>1887</v>
      </c>
      <c r="H774" s="6" t="s">
        <v>1888</v>
      </c>
      <c r="I774" s="8">
        <v>43741</v>
      </c>
    </row>
    <row r="775" spans="1:9" ht="24" x14ac:dyDescent="0.2">
      <c r="A775" s="4">
        <v>43556</v>
      </c>
      <c r="B775" s="5" t="s">
        <v>8</v>
      </c>
      <c r="C775" s="5" t="s">
        <v>1917</v>
      </c>
      <c r="D775" s="6" t="s">
        <v>1922</v>
      </c>
      <c r="E775" s="5" t="s">
        <v>1923</v>
      </c>
      <c r="F775" s="7">
        <v>197002</v>
      </c>
      <c r="G775" s="5" t="s">
        <v>61</v>
      </c>
      <c r="H775" s="6" t="s">
        <v>62</v>
      </c>
      <c r="I775" s="8">
        <v>43747</v>
      </c>
    </row>
    <row r="776" spans="1:9" ht="24" x14ac:dyDescent="0.2">
      <c r="A776" s="4">
        <v>43556</v>
      </c>
      <c r="B776" s="5" t="s">
        <v>8</v>
      </c>
      <c r="C776" s="5" t="s">
        <v>1917</v>
      </c>
      <c r="D776" s="6" t="s">
        <v>1924</v>
      </c>
      <c r="E776" s="5" t="s">
        <v>1925</v>
      </c>
      <c r="F776" s="7">
        <v>87230</v>
      </c>
      <c r="G776" s="5" t="s">
        <v>61</v>
      </c>
      <c r="H776" s="6" t="s">
        <v>62</v>
      </c>
      <c r="I776" s="8">
        <v>43759</v>
      </c>
    </row>
    <row r="777" spans="1:9" ht="24" x14ac:dyDescent="0.2">
      <c r="A777" s="4">
        <v>43556</v>
      </c>
      <c r="B777" s="5" t="s">
        <v>8</v>
      </c>
      <c r="C777" s="5" t="s">
        <v>1917</v>
      </c>
      <c r="D777" s="6" t="s">
        <v>1926</v>
      </c>
      <c r="E777" s="5" t="s">
        <v>1927</v>
      </c>
      <c r="F777" s="7">
        <v>159500</v>
      </c>
      <c r="G777" s="5" t="s">
        <v>61</v>
      </c>
      <c r="H777" s="6" t="s">
        <v>62</v>
      </c>
      <c r="I777" s="8">
        <v>43776</v>
      </c>
    </row>
    <row r="778" spans="1:9" ht="24" x14ac:dyDescent="0.2">
      <c r="A778" s="4">
        <v>43556</v>
      </c>
      <c r="B778" s="5" t="s">
        <v>8</v>
      </c>
      <c r="C778" s="5" t="s">
        <v>1917</v>
      </c>
      <c r="D778" s="6" t="s">
        <v>1928</v>
      </c>
      <c r="E778" s="5" t="s">
        <v>1929</v>
      </c>
      <c r="F778" s="7">
        <v>47157</v>
      </c>
      <c r="G778" s="5" t="s">
        <v>1883</v>
      </c>
      <c r="H778" s="6" t="s">
        <v>1884</v>
      </c>
      <c r="I778" s="8">
        <v>43783</v>
      </c>
    </row>
    <row r="779" spans="1:9" ht="24" x14ac:dyDescent="0.2">
      <c r="A779" s="4">
        <v>43556</v>
      </c>
      <c r="B779" s="5" t="s">
        <v>8</v>
      </c>
      <c r="C779" s="5" t="s">
        <v>1917</v>
      </c>
      <c r="D779" s="6" t="s">
        <v>1930</v>
      </c>
      <c r="E779" s="5" t="s">
        <v>1931</v>
      </c>
      <c r="F779" s="7">
        <v>48697</v>
      </c>
      <c r="G779" s="5" t="s">
        <v>1715</v>
      </c>
      <c r="H779" s="6" t="s">
        <v>1065</v>
      </c>
      <c r="I779" s="8">
        <v>43787</v>
      </c>
    </row>
    <row r="780" spans="1:9" ht="24" x14ac:dyDescent="0.2">
      <c r="A780" s="4">
        <v>43556</v>
      </c>
      <c r="B780" s="5" t="s">
        <v>8</v>
      </c>
      <c r="C780" s="5" t="s">
        <v>1917</v>
      </c>
      <c r="D780" s="6" t="s">
        <v>1932</v>
      </c>
      <c r="E780" s="5" t="s">
        <v>1150</v>
      </c>
      <c r="F780" s="7">
        <v>16720</v>
      </c>
      <c r="G780" s="5" t="s">
        <v>264</v>
      </c>
      <c r="H780" s="6" t="s">
        <v>265</v>
      </c>
      <c r="I780" s="8">
        <v>43804</v>
      </c>
    </row>
    <row r="781" spans="1:9" ht="24" x14ac:dyDescent="0.2">
      <c r="A781" s="4">
        <v>43556</v>
      </c>
      <c r="B781" s="5" t="s">
        <v>8</v>
      </c>
      <c r="C781" s="5" t="s">
        <v>1917</v>
      </c>
      <c r="D781" s="6" t="s">
        <v>1933</v>
      </c>
      <c r="E781" s="5" t="s">
        <v>1247</v>
      </c>
      <c r="F781" s="7">
        <v>73810</v>
      </c>
      <c r="G781" s="5" t="s">
        <v>1934</v>
      </c>
      <c r="H781" s="6" t="s">
        <v>775</v>
      </c>
      <c r="I781" s="8">
        <v>43815</v>
      </c>
    </row>
    <row r="782" spans="1:9" ht="24" x14ac:dyDescent="0.2">
      <c r="A782" s="4">
        <v>43556</v>
      </c>
      <c r="B782" s="5" t="s">
        <v>8</v>
      </c>
      <c r="C782" s="5" t="s">
        <v>1917</v>
      </c>
      <c r="D782" s="6" t="s">
        <v>1935</v>
      </c>
      <c r="E782" s="5" t="s">
        <v>1936</v>
      </c>
      <c r="F782" s="7">
        <v>14784</v>
      </c>
      <c r="G782" s="5" t="s">
        <v>1879</v>
      </c>
      <c r="H782" s="6" t="s">
        <v>1880</v>
      </c>
      <c r="I782" s="8">
        <v>43819</v>
      </c>
    </row>
    <row r="783" spans="1:9" ht="24" x14ac:dyDescent="0.2">
      <c r="A783" s="4">
        <v>43556</v>
      </c>
      <c r="B783" s="5" t="s">
        <v>8</v>
      </c>
      <c r="C783" s="5" t="s">
        <v>1937</v>
      </c>
      <c r="D783" s="6" t="s">
        <v>1938</v>
      </c>
      <c r="E783" s="5" t="s">
        <v>1939</v>
      </c>
      <c r="F783" s="7">
        <v>126316</v>
      </c>
      <c r="G783" s="5" t="s">
        <v>1711</v>
      </c>
      <c r="H783" s="6" t="s">
        <v>1712</v>
      </c>
      <c r="I783" s="8">
        <v>43742</v>
      </c>
    </row>
    <row r="784" spans="1:9" x14ac:dyDescent="0.2">
      <c r="A784" s="4">
        <v>43556</v>
      </c>
      <c r="B784" s="5" t="s">
        <v>8</v>
      </c>
      <c r="C784" s="5" t="s">
        <v>1937</v>
      </c>
      <c r="D784" s="6" t="s">
        <v>1940</v>
      </c>
      <c r="E784" s="5" t="s">
        <v>1941</v>
      </c>
      <c r="F784" s="7">
        <v>24871</v>
      </c>
      <c r="G784" s="5" t="s">
        <v>1942</v>
      </c>
      <c r="H784" s="6" t="s">
        <v>1943</v>
      </c>
      <c r="I784" s="8">
        <v>43787</v>
      </c>
    </row>
    <row r="785" spans="1:9" ht="24" x14ac:dyDescent="0.2">
      <c r="A785" s="4">
        <v>43556</v>
      </c>
      <c r="B785" s="5" t="s">
        <v>8</v>
      </c>
      <c r="C785" s="5" t="s">
        <v>1937</v>
      </c>
      <c r="D785" s="6" t="s">
        <v>1944</v>
      </c>
      <c r="E785" s="5" t="s">
        <v>1945</v>
      </c>
      <c r="F785" s="7">
        <v>48620</v>
      </c>
      <c r="G785" s="5" t="s">
        <v>1715</v>
      </c>
      <c r="H785" s="6" t="s">
        <v>1065</v>
      </c>
      <c r="I785" s="8">
        <v>43788</v>
      </c>
    </row>
    <row r="786" spans="1:9" ht="24" x14ac:dyDescent="0.2">
      <c r="A786" s="4">
        <v>43556</v>
      </c>
      <c r="B786" s="5" t="s">
        <v>8</v>
      </c>
      <c r="C786" s="5" t="s">
        <v>1937</v>
      </c>
      <c r="D786" s="6" t="s">
        <v>1946</v>
      </c>
      <c r="E786" s="5" t="s">
        <v>1947</v>
      </c>
      <c r="F786" s="7">
        <v>13244</v>
      </c>
      <c r="G786" s="5" t="s">
        <v>1860</v>
      </c>
      <c r="H786" s="6" t="s">
        <v>1861</v>
      </c>
      <c r="I786" s="8">
        <v>43797</v>
      </c>
    </row>
    <row r="787" spans="1:9" ht="24" x14ac:dyDescent="0.2">
      <c r="A787" s="4">
        <v>43556</v>
      </c>
      <c r="B787" s="5" t="s">
        <v>8</v>
      </c>
      <c r="C787" s="5" t="s">
        <v>1937</v>
      </c>
      <c r="D787" s="6" t="s">
        <v>1948</v>
      </c>
      <c r="E787" s="5" t="s">
        <v>1949</v>
      </c>
      <c r="F787" s="7">
        <v>56760</v>
      </c>
      <c r="G787" s="5" t="s">
        <v>238</v>
      </c>
      <c r="H787" s="6" t="s">
        <v>239</v>
      </c>
      <c r="I787" s="8">
        <v>43798</v>
      </c>
    </row>
    <row r="788" spans="1:9" ht="24" x14ac:dyDescent="0.2">
      <c r="A788" s="4">
        <v>43556</v>
      </c>
      <c r="B788" s="5" t="s">
        <v>8</v>
      </c>
      <c r="C788" s="5" t="s">
        <v>1937</v>
      </c>
      <c r="D788" s="6" t="s">
        <v>1950</v>
      </c>
      <c r="E788" s="5" t="s">
        <v>1951</v>
      </c>
      <c r="F788" s="7">
        <v>49764</v>
      </c>
      <c r="G788" s="5" t="s">
        <v>1952</v>
      </c>
      <c r="H788" s="6" t="s">
        <v>1953</v>
      </c>
      <c r="I788" s="8">
        <v>43802</v>
      </c>
    </row>
    <row r="789" spans="1:9" ht="24" x14ac:dyDescent="0.2">
      <c r="A789" s="4">
        <v>43556</v>
      </c>
      <c r="B789" s="5" t="s">
        <v>8</v>
      </c>
      <c r="C789" s="5" t="s">
        <v>1937</v>
      </c>
      <c r="D789" s="6" t="s">
        <v>1954</v>
      </c>
      <c r="E789" s="5" t="s">
        <v>1955</v>
      </c>
      <c r="F789" s="7">
        <v>46200</v>
      </c>
      <c r="G789" s="5" t="s">
        <v>1738</v>
      </c>
      <c r="H789" s="6" t="s">
        <v>1739</v>
      </c>
      <c r="I789" s="8">
        <v>43805</v>
      </c>
    </row>
    <row r="790" spans="1:9" ht="24" x14ac:dyDescent="0.2">
      <c r="A790" s="4">
        <v>43556</v>
      </c>
      <c r="B790" s="5" t="s">
        <v>8</v>
      </c>
      <c r="C790" s="5" t="s">
        <v>1937</v>
      </c>
      <c r="D790" s="6" t="s">
        <v>1956</v>
      </c>
      <c r="E790" s="5" t="s">
        <v>1957</v>
      </c>
      <c r="F790" s="7">
        <v>92884</v>
      </c>
      <c r="G790" s="5" t="s">
        <v>1860</v>
      </c>
      <c r="H790" s="6" t="s">
        <v>1861</v>
      </c>
      <c r="I790" s="8">
        <v>43812</v>
      </c>
    </row>
    <row r="791" spans="1:9" ht="24" x14ac:dyDescent="0.2">
      <c r="A791" s="4">
        <v>43556</v>
      </c>
      <c r="B791" s="5" t="s">
        <v>8</v>
      </c>
      <c r="C791" s="5" t="s">
        <v>1937</v>
      </c>
      <c r="D791" s="6" t="s">
        <v>1958</v>
      </c>
      <c r="E791" s="5" t="s">
        <v>1959</v>
      </c>
      <c r="F791" s="7">
        <v>361350</v>
      </c>
      <c r="G791" s="5" t="s">
        <v>1960</v>
      </c>
      <c r="H791" s="6" t="s">
        <v>1961</v>
      </c>
      <c r="I791" s="8">
        <v>43824</v>
      </c>
    </row>
    <row r="792" spans="1:9" ht="24" x14ac:dyDescent="0.2">
      <c r="A792" s="4">
        <v>43556</v>
      </c>
      <c r="B792" s="5" t="s">
        <v>8</v>
      </c>
      <c r="C792" s="5" t="s">
        <v>1937</v>
      </c>
      <c r="D792" s="6" t="s">
        <v>1962</v>
      </c>
      <c r="E792" s="5" t="s">
        <v>1963</v>
      </c>
      <c r="F792" s="7">
        <v>76804</v>
      </c>
      <c r="G792" s="5" t="s">
        <v>1819</v>
      </c>
      <c r="H792" s="6" t="s">
        <v>1775</v>
      </c>
      <c r="I792" s="8">
        <v>43826</v>
      </c>
    </row>
    <row r="793" spans="1:9" ht="24" x14ac:dyDescent="0.2">
      <c r="A793" s="4">
        <v>43556</v>
      </c>
      <c r="B793" s="5" t="s">
        <v>8</v>
      </c>
      <c r="C793" s="5" t="s">
        <v>1964</v>
      </c>
      <c r="D793" s="6" t="s">
        <v>1965</v>
      </c>
      <c r="E793" s="5" t="s">
        <v>1966</v>
      </c>
      <c r="F793" s="7">
        <v>80637</v>
      </c>
      <c r="G793" s="5" t="s">
        <v>1711</v>
      </c>
      <c r="H793" s="6" t="s">
        <v>1712</v>
      </c>
      <c r="I793" s="8">
        <v>43746</v>
      </c>
    </row>
    <row r="794" spans="1:9" ht="24" x14ac:dyDescent="0.2">
      <c r="A794" s="4">
        <v>43556</v>
      </c>
      <c r="B794" s="5" t="s">
        <v>8</v>
      </c>
      <c r="C794" s="5" t="s">
        <v>1964</v>
      </c>
      <c r="D794" s="6" t="s">
        <v>1967</v>
      </c>
      <c r="E794" s="5" t="s">
        <v>1968</v>
      </c>
      <c r="F794" s="7">
        <v>52228</v>
      </c>
      <c r="G794" s="5" t="s">
        <v>1860</v>
      </c>
      <c r="H794" s="6" t="s">
        <v>1861</v>
      </c>
      <c r="I794" s="8">
        <v>43749</v>
      </c>
    </row>
    <row r="795" spans="1:9" ht="24" x14ac:dyDescent="0.2">
      <c r="A795" s="4">
        <v>43556</v>
      </c>
      <c r="B795" s="5" t="s">
        <v>8</v>
      </c>
      <c r="C795" s="5" t="s">
        <v>1964</v>
      </c>
      <c r="D795" s="6" t="s">
        <v>1969</v>
      </c>
      <c r="E795" s="5" t="s">
        <v>1970</v>
      </c>
      <c r="F795" s="7">
        <v>6647</v>
      </c>
      <c r="G795" s="5" t="s">
        <v>1711</v>
      </c>
      <c r="H795" s="6" t="s">
        <v>1712</v>
      </c>
      <c r="I795" s="8">
        <v>43753</v>
      </c>
    </row>
    <row r="796" spans="1:9" ht="24" x14ac:dyDescent="0.2">
      <c r="A796" s="4">
        <v>43556</v>
      </c>
      <c r="B796" s="5" t="s">
        <v>8</v>
      </c>
      <c r="C796" s="5" t="s">
        <v>1964</v>
      </c>
      <c r="D796" s="6" t="s">
        <v>1971</v>
      </c>
      <c r="E796" s="5" t="s">
        <v>995</v>
      </c>
      <c r="F796" s="7">
        <v>36720</v>
      </c>
      <c r="G796" s="5" t="s">
        <v>1715</v>
      </c>
      <c r="H796" s="6" t="s">
        <v>1065</v>
      </c>
      <c r="I796" s="8">
        <v>43759</v>
      </c>
    </row>
    <row r="797" spans="1:9" ht="24" x14ac:dyDescent="0.2">
      <c r="A797" s="4">
        <v>43556</v>
      </c>
      <c r="B797" s="5" t="s">
        <v>8</v>
      </c>
      <c r="C797" s="5" t="s">
        <v>1964</v>
      </c>
      <c r="D797" s="6" t="s">
        <v>1972</v>
      </c>
      <c r="E797" s="5" t="s">
        <v>986</v>
      </c>
      <c r="F797" s="7">
        <v>305800</v>
      </c>
      <c r="G797" s="5" t="s">
        <v>1973</v>
      </c>
      <c r="H797" s="6" t="s">
        <v>1974</v>
      </c>
      <c r="I797" s="8">
        <v>43774</v>
      </c>
    </row>
    <row r="798" spans="1:9" ht="24" x14ac:dyDescent="0.2">
      <c r="A798" s="4">
        <v>43556</v>
      </c>
      <c r="B798" s="5" t="s">
        <v>8</v>
      </c>
      <c r="C798" s="5" t="s">
        <v>1964</v>
      </c>
      <c r="D798" s="6" t="s">
        <v>1975</v>
      </c>
      <c r="E798" s="5" t="s">
        <v>629</v>
      </c>
      <c r="F798" s="7">
        <v>38500</v>
      </c>
      <c r="G798" s="5" t="s">
        <v>1738</v>
      </c>
      <c r="H798" s="6" t="s">
        <v>1739</v>
      </c>
      <c r="I798" s="8">
        <v>43777</v>
      </c>
    </row>
    <row r="799" spans="1:9" ht="24" x14ac:dyDescent="0.2">
      <c r="A799" s="4">
        <v>43556</v>
      </c>
      <c r="B799" s="5" t="s">
        <v>8</v>
      </c>
      <c r="C799" s="5" t="s">
        <v>1964</v>
      </c>
      <c r="D799" s="6" t="s">
        <v>1976</v>
      </c>
      <c r="E799" s="5" t="s">
        <v>1977</v>
      </c>
      <c r="F799" s="7">
        <v>27500</v>
      </c>
      <c r="G799" s="5" t="s">
        <v>1860</v>
      </c>
      <c r="H799" s="6" t="s">
        <v>1861</v>
      </c>
      <c r="I799" s="8">
        <v>43794</v>
      </c>
    </row>
    <row r="800" spans="1:9" ht="24" x14ac:dyDescent="0.2">
      <c r="A800" s="4">
        <v>43556</v>
      </c>
      <c r="B800" s="5" t="s">
        <v>8</v>
      </c>
      <c r="C800" s="5" t="s">
        <v>1964</v>
      </c>
      <c r="D800" s="6" t="s">
        <v>1978</v>
      </c>
      <c r="E800" s="5" t="s">
        <v>1979</v>
      </c>
      <c r="F800" s="7">
        <v>60269</v>
      </c>
      <c r="G800" s="5" t="s">
        <v>1980</v>
      </c>
      <c r="H800" s="6" t="s">
        <v>231</v>
      </c>
      <c r="I800" s="8">
        <v>43794</v>
      </c>
    </row>
    <row r="801" spans="1:9" ht="24" x14ac:dyDescent="0.2">
      <c r="A801" s="4">
        <v>43556</v>
      </c>
      <c r="B801" s="5" t="s">
        <v>8</v>
      </c>
      <c r="C801" s="5" t="s">
        <v>1964</v>
      </c>
      <c r="D801" s="6" t="s">
        <v>1981</v>
      </c>
      <c r="E801" s="5" t="s">
        <v>1982</v>
      </c>
      <c r="F801" s="7">
        <v>2310</v>
      </c>
      <c r="G801" s="5" t="s">
        <v>1983</v>
      </c>
      <c r="H801" s="6" t="s">
        <v>207</v>
      </c>
      <c r="I801" s="8">
        <v>43797</v>
      </c>
    </row>
    <row r="802" spans="1:9" ht="24" x14ac:dyDescent="0.2">
      <c r="A802" s="4">
        <v>43556</v>
      </c>
      <c r="B802" s="5" t="s">
        <v>8</v>
      </c>
      <c r="C802" s="5" t="s">
        <v>1964</v>
      </c>
      <c r="D802" s="6" t="s">
        <v>1984</v>
      </c>
      <c r="E802" s="5" t="s">
        <v>1985</v>
      </c>
      <c r="F802" s="7">
        <v>25190</v>
      </c>
      <c r="G802" s="5" t="s">
        <v>1860</v>
      </c>
      <c r="H802" s="6" t="s">
        <v>1861</v>
      </c>
      <c r="I802" s="8">
        <v>43797</v>
      </c>
    </row>
    <row r="803" spans="1:9" ht="24" x14ac:dyDescent="0.2">
      <c r="A803" s="4">
        <v>43556</v>
      </c>
      <c r="B803" s="5" t="s">
        <v>8</v>
      </c>
      <c r="C803" s="5" t="s">
        <v>1964</v>
      </c>
      <c r="D803" s="6" t="s">
        <v>1986</v>
      </c>
      <c r="E803" s="5" t="s">
        <v>1987</v>
      </c>
      <c r="F803" s="7">
        <v>1430</v>
      </c>
      <c r="G803" s="5" t="s">
        <v>1980</v>
      </c>
      <c r="H803" s="6" t="s">
        <v>231</v>
      </c>
      <c r="I803" s="8">
        <v>43805</v>
      </c>
    </row>
    <row r="804" spans="1:9" ht="24" x14ac:dyDescent="0.2">
      <c r="A804" s="4">
        <v>43556</v>
      </c>
      <c r="B804" s="5" t="s">
        <v>8</v>
      </c>
      <c r="C804" s="5" t="s">
        <v>1964</v>
      </c>
      <c r="D804" s="6" t="s">
        <v>1988</v>
      </c>
      <c r="E804" s="5" t="s">
        <v>981</v>
      </c>
      <c r="F804" s="7">
        <v>46200</v>
      </c>
      <c r="G804" s="5" t="s">
        <v>1738</v>
      </c>
      <c r="H804" s="6" t="s">
        <v>1739</v>
      </c>
      <c r="I804" s="8">
        <v>43805</v>
      </c>
    </row>
    <row r="805" spans="1:9" ht="24" x14ac:dyDescent="0.2">
      <c r="A805" s="4">
        <v>43556</v>
      </c>
      <c r="B805" s="5" t="s">
        <v>8</v>
      </c>
      <c r="C805" s="5" t="s">
        <v>1964</v>
      </c>
      <c r="D805" s="6" t="s">
        <v>1989</v>
      </c>
      <c r="E805" s="5" t="s">
        <v>1990</v>
      </c>
      <c r="F805" s="7">
        <v>73335</v>
      </c>
      <c r="G805" s="5" t="s">
        <v>1711</v>
      </c>
      <c r="H805" s="6" t="s">
        <v>1712</v>
      </c>
      <c r="I805" s="8">
        <v>43815</v>
      </c>
    </row>
    <row r="806" spans="1:9" ht="24" x14ac:dyDescent="0.2">
      <c r="A806" s="4">
        <v>43556</v>
      </c>
      <c r="B806" s="5" t="s">
        <v>8</v>
      </c>
      <c r="C806" s="5" t="s">
        <v>1964</v>
      </c>
      <c r="D806" s="6" t="s">
        <v>1991</v>
      </c>
      <c r="E806" s="5" t="s">
        <v>1992</v>
      </c>
      <c r="F806" s="7">
        <v>12227</v>
      </c>
      <c r="G806" s="5" t="s">
        <v>1980</v>
      </c>
      <c r="H806" s="6" t="s">
        <v>231</v>
      </c>
      <c r="I806" s="8">
        <v>43815</v>
      </c>
    </row>
    <row r="807" spans="1:9" ht="24" x14ac:dyDescent="0.2">
      <c r="A807" s="4">
        <v>43556</v>
      </c>
      <c r="B807" s="5" t="s">
        <v>8</v>
      </c>
      <c r="C807" s="5" t="s">
        <v>1964</v>
      </c>
      <c r="D807" s="6" t="s">
        <v>1993</v>
      </c>
      <c r="E807" s="5" t="s">
        <v>1514</v>
      </c>
      <c r="F807" s="7">
        <v>121544</v>
      </c>
      <c r="G807" s="5" t="s">
        <v>1715</v>
      </c>
      <c r="H807" s="6" t="s">
        <v>1065</v>
      </c>
      <c r="I807" s="8">
        <v>43824</v>
      </c>
    </row>
    <row r="808" spans="1:9" ht="24" x14ac:dyDescent="0.2">
      <c r="A808" s="4">
        <v>43556</v>
      </c>
      <c r="B808" s="5" t="s">
        <v>8</v>
      </c>
      <c r="C808" s="5" t="s">
        <v>1994</v>
      </c>
      <c r="D808" s="6" t="s">
        <v>1995</v>
      </c>
      <c r="E808" s="5" t="s">
        <v>1996</v>
      </c>
      <c r="F808" s="7">
        <v>151048</v>
      </c>
      <c r="G808" s="5" t="s">
        <v>1997</v>
      </c>
      <c r="H808" s="6" t="s">
        <v>1998</v>
      </c>
      <c r="I808" s="8">
        <v>43740</v>
      </c>
    </row>
    <row r="809" spans="1:9" x14ac:dyDescent="0.2">
      <c r="A809" s="4">
        <v>43556</v>
      </c>
      <c r="B809" s="5" t="s">
        <v>8</v>
      </c>
      <c r="C809" s="5" t="s">
        <v>1994</v>
      </c>
      <c r="D809" s="6" t="s">
        <v>1999</v>
      </c>
      <c r="E809" s="5" t="s">
        <v>2000</v>
      </c>
      <c r="F809" s="7">
        <v>20147</v>
      </c>
      <c r="G809" s="5" t="s">
        <v>173</v>
      </c>
      <c r="H809" s="6" t="s">
        <v>33</v>
      </c>
      <c r="I809" s="8">
        <v>43745</v>
      </c>
    </row>
    <row r="810" spans="1:9" ht="24" x14ac:dyDescent="0.2">
      <c r="A810" s="4">
        <v>43556</v>
      </c>
      <c r="B810" s="5" t="s">
        <v>8</v>
      </c>
      <c r="C810" s="5" t="s">
        <v>1994</v>
      </c>
      <c r="D810" s="6" t="s">
        <v>2001</v>
      </c>
      <c r="E810" s="5" t="s">
        <v>2002</v>
      </c>
      <c r="F810" s="7">
        <v>205307</v>
      </c>
      <c r="G810" s="5" t="s">
        <v>2003</v>
      </c>
      <c r="H810" s="6" t="s">
        <v>2004</v>
      </c>
      <c r="I810" s="8">
        <v>43747</v>
      </c>
    </row>
    <row r="811" spans="1:9" ht="24" x14ac:dyDescent="0.2">
      <c r="A811" s="4">
        <v>43556</v>
      </c>
      <c r="B811" s="5" t="s">
        <v>8</v>
      </c>
      <c r="C811" s="5" t="s">
        <v>1994</v>
      </c>
      <c r="D811" s="6" t="s">
        <v>2005</v>
      </c>
      <c r="E811" s="5" t="s">
        <v>2006</v>
      </c>
      <c r="F811" s="7">
        <v>69832</v>
      </c>
      <c r="G811" s="5" t="s">
        <v>2007</v>
      </c>
      <c r="H811" s="6" t="s">
        <v>2008</v>
      </c>
      <c r="I811" s="8">
        <v>43747</v>
      </c>
    </row>
    <row r="812" spans="1:9" ht="24" x14ac:dyDescent="0.2">
      <c r="A812" s="4">
        <v>43556</v>
      </c>
      <c r="B812" s="5" t="s">
        <v>8</v>
      </c>
      <c r="C812" s="5" t="s">
        <v>1994</v>
      </c>
      <c r="D812" s="6" t="s">
        <v>2009</v>
      </c>
      <c r="E812" s="5" t="s">
        <v>2010</v>
      </c>
      <c r="F812" s="7">
        <v>52096</v>
      </c>
      <c r="G812" s="5" t="s">
        <v>117</v>
      </c>
      <c r="H812" s="6" t="s">
        <v>118</v>
      </c>
      <c r="I812" s="8">
        <v>43747</v>
      </c>
    </row>
    <row r="813" spans="1:9" ht="24" x14ac:dyDescent="0.2">
      <c r="A813" s="4">
        <v>43556</v>
      </c>
      <c r="B813" s="5" t="s">
        <v>8</v>
      </c>
      <c r="C813" s="5" t="s">
        <v>1994</v>
      </c>
      <c r="D813" s="6" t="s">
        <v>2011</v>
      </c>
      <c r="E813" s="5" t="s">
        <v>2012</v>
      </c>
      <c r="F813" s="7">
        <v>16060</v>
      </c>
      <c r="G813" s="5" t="s">
        <v>419</v>
      </c>
      <c r="H813" s="6" t="s">
        <v>420</v>
      </c>
      <c r="I813" s="8">
        <v>43755</v>
      </c>
    </row>
    <row r="814" spans="1:9" ht="24" x14ac:dyDescent="0.2">
      <c r="A814" s="4">
        <v>43556</v>
      </c>
      <c r="B814" s="5" t="s">
        <v>8</v>
      </c>
      <c r="C814" s="5" t="s">
        <v>1994</v>
      </c>
      <c r="D814" s="6" t="s">
        <v>2013</v>
      </c>
      <c r="E814" s="5" t="s">
        <v>2014</v>
      </c>
      <c r="F814" s="7">
        <v>68409</v>
      </c>
      <c r="G814" s="5" t="s">
        <v>2015</v>
      </c>
      <c r="H814" s="6" t="s">
        <v>2016</v>
      </c>
      <c r="I814" s="8">
        <v>43759</v>
      </c>
    </row>
    <row r="815" spans="1:9" ht="24" x14ac:dyDescent="0.2">
      <c r="A815" s="4">
        <v>43556</v>
      </c>
      <c r="B815" s="5" t="s">
        <v>8</v>
      </c>
      <c r="C815" s="5" t="s">
        <v>1994</v>
      </c>
      <c r="D815" s="6" t="s">
        <v>2017</v>
      </c>
      <c r="E815" s="5" t="s">
        <v>2018</v>
      </c>
      <c r="F815" s="7">
        <v>151008</v>
      </c>
      <c r="G815" s="5" t="s">
        <v>117</v>
      </c>
      <c r="H815" s="6" t="s">
        <v>118</v>
      </c>
      <c r="I815" s="8">
        <v>43769</v>
      </c>
    </row>
    <row r="816" spans="1:9" x14ac:dyDescent="0.2">
      <c r="A816" s="4">
        <v>43556</v>
      </c>
      <c r="B816" s="5" t="s">
        <v>8</v>
      </c>
      <c r="C816" s="5" t="s">
        <v>1994</v>
      </c>
      <c r="D816" s="6" t="s">
        <v>2019</v>
      </c>
      <c r="E816" s="5" t="s">
        <v>2020</v>
      </c>
      <c r="F816" s="7">
        <v>15856</v>
      </c>
      <c r="G816" s="5" t="s">
        <v>173</v>
      </c>
      <c r="H816" s="6" t="s">
        <v>33</v>
      </c>
      <c r="I816" s="8">
        <v>43777</v>
      </c>
    </row>
    <row r="817" spans="1:9" ht="24" x14ac:dyDescent="0.2">
      <c r="A817" s="4">
        <v>43556</v>
      </c>
      <c r="B817" s="5" t="s">
        <v>8</v>
      </c>
      <c r="C817" s="5" t="s">
        <v>1994</v>
      </c>
      <c r="D817" s="6" t="s">
        <v>2021</v>
      </c>
      <c r="E817" s="5" t="s">
        <v>2022</v>
      </c>
      <c r="F817" s="7">
        <v>19140</v>
      </c>
      <c r="G817" s="5" t="s">
        <v>2007</v>
      </c>
      <c r="H817" s="6" t="s">
        <v>2008</v>
      </c>
      <c r="I817" s="8">
        <v>43777</v>
      </c>
    </row>
    <row r="818" spans="1:9" ht="24" x14ac:dyDescent="0.2">
      <c r="A818" s="4">
        <v>43556</v>
      </c>
      <c r="B818" s="5" t="s">
        <v>8</v>
      </c>
      <c r="C818" s="5" t="s">
        <v>1994</v>
      </c>
      <c r="D818" s="6" t="s">
        <v>2023</v>
      </c>
      <c r="E818" s="5" t="s">
        <v>307</v>
      </c>
      <c r="F818" s="7">
        <v>121440</v>
      </c>
      <c r="G818" s="5" t="s">
        <v>1997</v>
      </c>
      <c r="H818" s="6" t="s">
        <v>1998</v>
      </c>
      <c r="I818" s="8">
        <v>43777</v>
      </c>
    </row>
    <row r="819" spans="1:9" x14ac:dyDescent="0.2">
      <c r="A819" s="4">
        <v>43556</v>
      </c>
      <c r="B819" s="5" t="s">
        <v>8</v>
      </c>
      <c r="C819" s="5" t="s">
        <v>1994</v>
      </c>
      <c r="D819" s="6" t="s">
        <v>2024</v>
      </c>
      <c r="E819" s="5" t="s">
        <v>2025</v>
      </c>
      <c r="F819" s="7">
        <v>132077</v>
      </c>
      <c r="G819" s="5" t="s">
        <v>173</v>
      </c>
      <c r="H819" s="6" t="s">
        <v>33</v>
      </c>
      <c r="I819" s="8">
        <v>43777</v>
      </c>
    </row>
    <row r="820" spans="1:9" ht="24" x14ac:dyDescent="0.2">
      <c r="A820" s="4">
        <v>43556</v>
      </c>
      <c r="B820" s="5" t="s">
        <v>8</v>
      </c>
      <c r="C820" s="5" t="s">
        <v>1994</v>
      </c>
      <c r="D820" s="6" t="s">
        <v>2026</v>
      </c>
      <c r="E820" s="5" t="s">
        <v>2027</v>
      </c>
      <c r="F820" s="7">
        <v>21681</v>
      </c>
      <c r="G820" s="5" t="s">
        <v>117</v>
      </c>
      <c r="H820" s="6" t="s">
        <v>118</v>
      </c>
      <c r="I820" s="8">
        <v>43781</v>
      </c>
    </row>
    <row r="821" spans="1:9" ht="24" x14ac:dyDescent="0.2">
      <c r="A821" s="4">
        <v>43556</v>
      </c>
      <c r="B821" s="5" t="s">
        <v>8</v>
      </c>
      <c r="C821" s="5" t="s">
        <v>1994</v>
      </c>
      <c r="D821" s="6" t="s">
        <v>2028</v>
      </c>
      <c r="E821" s="5" t="s">
        <v>1243</v>
      </c>
      <c r="F821" s="7">
        <v>4455</v>
      </c>
      <c r="G821" s="5" t="s">
        <v>2029</v>
      </c>
      <c r="H821" s="6" t="s">
        <v>1245</v>
      </c>
      <c r="I821" s="8">
        <v>43783</v>
      </c>
    </row>
    <row r="822" spans="1:9" ht="24" x14ac:dyDescent="0.2">
      <c r="A822" s="4">
        <v>43556</v>
      </c>
      <c r="B822" s="5" t="s">
        <v>8</v>
      </c>
      <c r="C822" s="5" t="s">
        <v>1994</v>
      </c>
      <c r="D822" s="6" t="s">
        <v>2030</v>
      </c>
      <c r="E822" s="5" t="s">
        <v>2031</v>
      </c>
      <c r="F822" s="7">
        <v>41800</v>
      </c>
      <c r="G822" s="5" t="s">
        <v>2032</v>
      </c>
      <c r="H822" s="6" t="s">
        <v>207</v>
      </c>
      <c r="I822" s="8">
        <v>43783</v>
      </c>
    </row>
    <row r="823" spans="1:9" ht="24" x14ac:dyDescent="0.2">
      <c r="A823" s="4">
        <v>43556</v>
      </c>
      <c r="B823" s="5" t="s">
        <v>8</v>
      </c>
      <c r="C823" s="5" t="s">
        <v>1994</v>
      </c>
      <c r="D823" s="6" t="s">
        <v>2033</v>
      </c>
      <c r="E823" s="5" t="s">
        <v>2034</v>
      </c>
      <c r="F823" s="7">
        <v>176660</v>
      </c>
      <c r="G823" s="5" t="s">
        <v>2035</v>
      </c>
      <c r="H823" s="6" t="s">
        <v>2036</v>
      </c>
      <c r="I823" s="8">
        <v>43784</v>
      </c>
    </row>
    <row r="824" spans="1:9" ht="24" x14ac:dyDescent="0.2">
      <c r="A824" s="4">
        <v>43556</v>
      </c>
      <c r="B824" s="5" t="s">
        <v>8</v>
      </c>
      <c r="C824" s="5" t="s">
        <v>1994</v>
      </c>
      <c r="D824" s="6" t="s">
        <v>2037</v>
      </c>
      <c r="E824" s="5" t="s">
        <v>263</v>
      </c>
      <c r="F824" s="7">
        <v>43560</v>
      </c>
      <c r="G824" s="5" t="s">
        <v>625</v>
      </c>
      <c r="H824" s="6" t="s">
        <v>265</v>
      </c>
      <c r="I824" s="8">
        <v>43788</v>
      </c>
    </row>
    <row r="825" spans="1:9" ht="24" x14ac:dyDescent="0.2">
      <c r="A825" s="4">
        <v>43556</v>
      </c>
      <c r="B825" s="5" t="s">
        <v>8</v>
      </c>
      <c r="C825" s="5" t="s">
        <v>1994</v>
      </c>
      <c r="D825" s="6" t="s">
        <v>2038</v>
      </c>
      <c r="E825" s="5" t="s">
        <v>2039</v>
      </c>
      <c r="F825" s="7">
        <v>369116</v>
      </c>
      <c r="G825" s="5" t="s">
        <v>2040</v>
      </c>
      <c r="H825" s="6" t="s">
        <v>2041</v>
      </c>
      <c r="I825" s="8">
        <v>43795</v>
      </c>
    </row>
    <row r="826" spans="1:9" ht="24" x14ac:dyDescent="0.2">
      <c r="A826" s="4">
        <v>43556</v>
      </c>
      <c r="B826" s="5" t="s">
        <v>8</v>
      </c>
      <c r="C826" s="5" t="s">
        <v>1994</v>
      </c>
      <c r="D826" s="6" t="s">
        <v>2042</v>
      </c>
      <c r="E826" s="5" t="s">
        <v>750</v>
      </c>
      <c r="F826" s="7">
        <v>121440</v>
      </c>
      <c r="G826" s="5" t="s">
        <v>1997</v>
      </c>
      <c r="H826" s="6" t="s">
        <v>1998</v>
      </c>
      <c r="I826" s="8">
        <v>43802</v>
      </c>
    </row>
    <row r="827" spans="1:9" ht="24" x14ac:dyDescent="0.2">
      <c r="A827" s="4">
        <v>43556</v>
      </c>
      <c r="B827" s="5" t="s">
        <v>8</v>
      </c>
      <c r="C827" s="5" t="s">
        <v>1994</v>
      </c>
      <c r="D827" s="6" t="s">
        <v>2043</v>
      </c>
      <c r="E827" s="5" t="s">
        <v>2044</v>
      </c>
      <c r="F827" s="7">
        <v>30316</v>
      </c>
      <c r="G827" s="5" t="s">
        <v>2045</v>
      </c>
      <c r="H827" s="6" t="s">
        <v>2046</v>
      </c>
      <c r="I827" s="8">
        <v>43803</v>
      </c>
    </row>
    <row r="828" spans="1:9" x14ac:dyDescent="0.2">
      <c r="A828" s="4">
        <v>43556</v>
      </c>
      <c r="B828" s="5" t="s">
        <v>8</v>
      </c>
      <c r="C828" s="5" t="s">
        <v>1994</v>
      </c>
      <c r="D828" s="6" t="s">
        <v>2047</v>
      </c>
      <c r="E828" s="5" t="s">
        <v>2048</v>
      </c>
      <c r="F828" s="7">
        <v>117590</v>
      </c>
      <c r="G828" s="5" t="s">
        <v>173</v>
      </c>
      <c r="H828" s="6" t="s">
        <v>33</v>
      </c>
      <c r="I828" s="8">
        <v>43808</v>
      </c>
    </row>
    <row r="829" spans="1:9" ht="24" x14ac:dyDescent="0.2">
      <c r="A829" s="4">
        <v>43556</v>
      </c>
      <c r="B829" s="5" t="s">
        <v>8</v>
      </c>
      <c r="C829" s="5" t="s">
        <v>1994</v>
      </c>
      <c r="D829" s="6" t="s">
        <v>2049</v>
      </c>
      <c r="E829" s="5" t="s">
        <v>2050</v>
      </c>
      <c r="F829" s="7">
        <v>12320</v>
      </c>
      <c r="G829" s="5" t="s">
        <v>887</v>
      </c>
      <c r="H829" s="6" t="s">
        <v>888</v>
      </c>
      <c r="I829" s="8">
        <v>43810</v>
      </c>
    </row>
    <row r="830" spans="1:9" ht="24" x14ac:dyDescent="0.2">
      <c r="A830" s="4">
        <v>43556</v>
      </c>
      <c r="B830" s="5" t="s">
        <v>8</v>
      </c>
      <c r="C830" s="5" t="s">
        <v>1994</v>
      </c>
      <c r="D830" s="6" t="s">
        <v>2051</v>
      </c>
      <c r="E830" s="5" t="s">
        <v>2052</v>
      </c>
      <c r="F830" s="7">
        <v>89017</v>
      </c>
      <c r="G830" s="5" t="s">
        <v>2007</v>
      </c>
      <c r="H830" s="6" t="s">
        <v>2008</v>
      </c>
      <c r="I830" s="8">
        <v>43816</v>
      </c>
    </row>
    <row r="831" spans="1:9" x14ac:dyDescent="0.2">
      <c r="A831" s="4">
        <v>43556</v>
      </c>
      <c r="B831" s="5" t="s">
        <v>8</v>
      </c>
      <c r="C831" s="5" t="s">
        <v>1994</v>
      </c>
      <c r="D831" s="6" t="s">
        <v>2053</v>
      </c>
      <c r="E831" s="5" t="s">
        <v>2054</v>
      </c>
      <c r="F831" s="7">
        <v>103862</v>
      </c>
      <c r="G831" s="5" t="s">
        <v>173</v>
      </c>
      <c r="H831" s="6" t="s">
        <v>33</v>
      </c>
      <c r="I831" s="8">
        <v>43816</v>
      </c>
    </row>
    <row r="832" spans="1:9" ht="24" x14ac:dyDescent="0.2">
      <c r="A832" s="4">
        <v>43556</v>
      </c>
      <c r="B832" s="5" t="s">
        <v>8</v>
      </c>
      <c r="C832" s="5" t="s">
        <v>1994</v>
      </c>
      <c r="D832" s="6" t="s">
        <v>2055</v>
      </c>
      <c r="E832" s="5" t="s">
        <v>2056</v>
      </c>
      <c r="F832" s="7">
        <v>106458</v>
      </c>
      <c r="G832" s="5" t="s">
        <v>2007</v>
      </c>
      <c r="H832" s="6" t="s">
        <v>2008</v>
      </c>
      <c r="I832" s="8">
        <v>43819</v>
      </c>
    </row>
    <row r="833" spans="1:9" ht="24" x14ac:dyDescent="0.2">
      <c r="A833" s="4">
        <v>43556</v>
      </c>
      <c r="B833" s="5" t="s">
        <v>8</v>
      </c>
      <c r="C833" s="5" t="s">
        <v>1994</v>
      </c>
      <c r="D833" s="6" t="s">
        <v>2057</v>
      </c>
      <c r="E833" s="5" t="s">
        <v>396</v>
      </c>
      <c r="F833" s="7">
        <v>1348380</v>
      </c>
      <c r="G833" s="5" t="s">
        <v>117</v>
      </c>
      <c r="H833" s="6" t="s">
        <v>118</v>
      </c>
      <c r="I833" s="8">
        <v>43824</v>
      </c>
    </row>
    <row r="834" spans="1:9" ht="24" x14ac:dyDescent="0.2">
      <c r="A834" s="4">
        <v>43556</v>
      </c>
      <c r="B834" s="5" t="s">
        <v>8</v>
      </c>
      <c r="C834" s="5" t="s">
        <v>2058</v>
      </c>
      <c r="D834" s="6" t="s">
        <v>2059</v>
      </c>
      <c r="E834" s="5" t="s">
        <v>2060</v>
      </c>
      <c r="F834" s="7">
        <v>200556</v>
      </c>
      <c r="G834" s="5" t="s">
        <v>2003</v>
      </c>
      <c r="H834" s="6" t="s">
        <v>2004</v>
      </c>
      <c r="I834" s="8">
        <v>43739</v>
      </c>
    </row>
    <row r="835" spans="1:9" ht="24" x14ac:dyDescent="0.2">
      <c r="A835" s="4">
        <v>43556</v>
      </c>
      <c r="B835" s="5" t="s">
        <v>8</v>
      </c>
      <c r="C835" s="5" t="s">
        <v>2058</v>
      </c>
      <c r="D835" s="6" t="s">
        <v>2061</v>
      </c>
      <c r="E835" s="5" t="s">
        <v>2062</v>
      </c>
      <c r="F835" s="7">
        <v>145800</v>
      </c>
      <c r="G835" s="5" t="s">
        <v>1997</v>
      </c>
      <c r="H835" s="6" t="s">
        <v>1998</v>
      </c>
      <c r="I835" s="8">
        <v>43739</v>
      </c>
    </row>
    <row r="836" spans="1:9" ht="24" x14ac:dyDescent="0.2">
      <c r="A836" s="4">
        <v>43556</v>
      </c>
      <c r="B836" s="5" t="s">
        <v>8</v>
      </c>
      <c r="C836" s="5" t="s">
        <v>2058</v>
      </c>
      <c r="D836" s="6" t="s">
        <v>2063</v>
      </c>
      <c r="E836" s="5" t="s">
        <v>997</v>
      </c>
      <c r="F836" s="7">
        <v>19116</v>
      </c>
      <c r="G836" s="5" t="s">
        <v>625</v>
      </c>
      <c r="H836" s="6" t="s">
        <v>265</v>
      </c>
      <c r="I836" s="8">
        <v>43742</v>
      </c>
    </row>
    <row r="837" spans="1:9" ht="24" x14ac:dyDescent="0.2">
      <c r="A837" s="4">
        <v>43556</v>
      </c>
      <c r="B837" s="5" t="s">
        <v>8</v>
      </c>
      <c r="C837" s="5" t="s">
        <v>2058</v>
      </c>
      <c r="D837" s="6" t="s">
        <v>2064</v>
      </c>
      <c r="E837" s="5" t="s">
        <v>2065</v>
      </c>
      <c r="F837" s="7">
        <v>280</v>
      </c>
      <c r="G837" s="5" t="s">
        <v>2066</v>
      </c>
      <c r="H837" s="6" t="s">
        <v>2067</v>
      </c>
      <c r="I837" s="8">
        <v>43742</v>
      </c>
    </row>
    <row r="838" spans="1:9" ht="24" x14ac:dyDescent="0.2">
      <c r="A838" s="4">
        <v>43556</v>
      </c>
      <c r="B838" s="5" t="s">
        <v>8</v>
      </c>
      <c r="C838" s="5" t="s">
        <v>2058</v>
      </c>
      <c r="D838" s="6" t="s">
        <v>2068</v>
      </c>
      <c r="E838" s="5" t="s">
        <v>2069</v>
      </c>
      <c r="F838" s="7">
        <v>32864</v>
      </c>
      <c r="G838" s="5" t="s">
        <v>2007</v>
      </c>
      <c r="H838" s="6" t="s">
        <v>2008</v>
      </c>
      <c r="I838" s="8">
        <v>43747</v>
      </c>
    </row>
    <row r="839" spans="1:9" ht="24" x14ac:dyDescent="0.2">
      <c r="A839" s="4">
        <v>43556</v>
      </c>
      <c r="B839" s="5" t="s">
        <v>8</v>
      </c>
      <c r="C839" s="5" t="s">
        <v>2058</v>
      </c>
      <c r="D839" s="6" t="s">
        <v>2070</v>
      </c>
      <c r="E839" s="5" t="s">
        <v>2071</v>
      </c>
      <c r="F839" s="7">
        <v>2502</v>
      </c>
      <c r="G839" s="5" t="s">
        <v>2072</v>
      </c>
      <c r="H839" s="6" t="s">
        <v>2073</v>
      </c>
      <c r="I839" s="8">
        <v>43759</v>
      </c>
    </row>
    <row r="840" spans="1:9" x14ac:dyDescent="0.2">
      <c r="A840" s="4">
        <v>43556</v>
      </c>
      <c r="B840" s="5" t="s">
        <v>8</v>
      </c>
      <c r="C840" s="5" t="s">
        <v>2058</v>
      </c>
      <c r="D840" s="6" t="s">
        <v>2074</v>
      </c>
      <c r="E840" s="5" t="s">
        <v>197</v>
      </c>
      <c r="F840" s="7">
        <v>53546</v>
      </c>
      <c r="G840" s="5" t="s">
        <v>173</v>
      </c>
      <c r="H840" s="6" t="s">
        <v>33</v>
      </c>
      <c r="I840" s="8">
        <v>43763</v>
      </c>
    </row>
    <row r="841" spans="1:9" ht="24" x14ac:dyDescent="0.2">
      <c r="A841" s="4">
        <v>43556</v>
      </c>
      <c r="B841" s="5" t="s">
        <v>8</v>
      </c>
      <c r="C841" s="5" t="s">
        <v>2058</v>
      </c>
      <c r="D841" s="6" t="s">
        <v>2075</v>
      </c>
      <c r="E841" s="5" t="s">
        <v>2076</v>
      </c>
      <c r="F841" s="7">
        <v>6523</v>
      </c>
      <c r="G841" s="5" t="s">
        <v>2007</v>
      </c>
      <c r="H841" s="6" t="s">
        <v>2008</v>
      </c>
      <c r="I841" s="8">
        <v>43774</v>
      </c>
    </row>
    <row r="842" spans="1:9" ht="24" x14ac:dyDescent="0.2">
      <c r="A842" s="4">
        <v>43556</v>
      </c>
      <c r="B842" s="5" t="s">
        <v>8</v>
      </c>
      <c r="C842" s="5" t="s">
        <v>2058</v>
      </c>
      <c r="D842" s="6" t="s">
        <v>2077</v>
      </c>
      <c r="E842" s="5" t="s">
        <v>2078</v>
      </c>
      <c r="F842" s="7">
        <v>10422</v>
      </c>
      <c r="G842" s="5" t="s">
        <v>419</v>
      </c>
      <c r="H842" s="6" t="s">
        <v>420</v>
      </c>
      <c r="I842" s="8">
        <v>43774</v>
      </c>
    </row>
    <row r="843" spans="1:9" ht="24" x14ac:dyDescent="0.2">
      <c r="A843" s="4">
        <v>43556</v>
      </c>
      <c r="B843" s="5" t="s">
        <v>8</v>
      </c>
      <c r="C843" s="5" t="s">
        <v>2058</v>
      </c>
      <c r="D843" s="6" t="s">
        <v>2079</v>
      </c>
      <c r="E843" s="5" t="s">
        <v>1147</v>
      </c>
      <c r="F843" s="7">
        <v>88935</v>
      </c>
      <c r="G843" s="5" t="s">
        <v>2003</v>
      </c>
      <c r="H843" s="6" t="s">
        <v>2004</v>
      </c>
      <c r="I843" s="8">
        <v>43774</v>
      </c>
    </row>
    <row r="844" spans="1:9" ht="24" x14ac:dyDescent="0.2">
      <c r="A844" s="4">
        <v>43556</v>
      </c>
      <c r="B844" s="5" t="s">
        <v>8</v>
      </c>
      <c r="C844" s="5" t="s">
        <v>2058</v>
      </c>
      <c r="D844" s="6" t="s">
        <v>2080</v>
      </c>
      <c r="E844" s="5" t="s">
        <v>2081</v>
      </c>
      <c r="F844" s="7">
        <v>4840</v>
      </c>
      <c r="G844" s="5" t="s">
        <v>2003</v>
      </c>
      <c r="H844" s="6" t="s">
        <v>2004</v>
      </c>
      <c r="I844" s="8">
        <v>43774</v>
      </c>
    </row>
    <row r="845" spans="1:9" ht="24" x14ac:dyDescent="0.2">
      <c r="A845" s="4">
        <v>43556</v>
      </c>
      <c r="B845" s="5" t="s">
        <v>8</v>
      </c>
      <c r="C845" s="5" t="s">
        <v>2058</v>
      </c>
      <c r="D845" s="6" t="s">
        <v>2082</v>
      </c>
      <c r="E845" s="5" t="s">
        <v>2083</v>
      </c>
      <c r="F845" s="7">
        <v>157720</v>
      </c>
      <c r="G845" s="5" t="s">
        <v>1997</v>
      </c>
      <c r="H845" s="6" t="s">
        <v>1998</v>
      </c>
      <c r="I845" s="8">
        <v>43775</v>
      </c>
    </row>
    <row r="846" spans="1:9" ht="24" x14ac:dyDescent="0.2">
      <c r="A846" s="4">
        <v>43556</v>
      </c>
      <c r="B846" s="5" t="s">
        <v>8</v>
      </c>
      <c r="C846" s="5" t="s">
        <v>2058</v>
      </c>
      <c r="D846" s="6" t="s">
        <v>2084</v>
      </c>
      <c r="E846" s="5" t="s">
        <v>2085</v>
      </c>
      <c r="F846" s="7">
        <v>30393</v>
      </c>
      <c r="G846" s="5" t="s">
        <v>2007</v>
      </c>
      <c r="H846" s="6" t="s">
        <v>2008</v>
      </c>
      <c r="I846" s="8">
        <v>43775</v>
      </c>
    </row>
    <row r="847" spans="1:9" ht="24" x14ac:dyDescent="0.2">
      <c r="A847" s="4">
        <v>43556</v>
      </c>
      <c r="B847" s="5" t="s">
        <v>8</v>
      </c>
      <c r="C847" s="5" t="s">
        <v>2058</v>
      </c>
      <c r="D847" s="6" t="s">
        <v>2086</v>
      </c>
      <c r="E847" s="5" t="s">
        <v>631</v>
      </c>
      <c r="F847" s="7">
        <v>35046</v>
      </c>
      <c r="G847" s="5" t="s">
        <v>625</v>
      </c>
      <c r="H847" s="6" t="s">
        <v>265</v>
      </c>
      <c r="I847" s="8">
        <v>43777</v>
      </c>
    </row>
    <row r="848" spans="1:9" ht="24" x14ac:dyDescent="0.2">
      <c r="A848" s="4">
        <v>43556</v>
      </c>
      <c r="B848" s="5" t="s">
        <v>8</v>
      </c>
      <c r="C848" s="5" t="s">
        <v>2058</v>
      </c>
      <c r="D848" s="6" t="s">
        <v>2087</v>
      </c>
      <c r="E848" s="5" t="s">
        <v>2088</v>
      </c>
      <c r="F848" s="7">
        <v>3173</v>
      </c>
      <c r="G848" s="5" t="s">
        <v>2089</v>
      </c>
      <c r="H848" s="6" t="s">
        <v>2090</v>
      </c>
      <c r="I848" s="8">
        <v>43789</v>
      </c>
    </row>
    <row r="849" spans="1:9" ht="24" x14ac:dyDescent="0.2">
      <c r="A849" s="4">
        <v>43556</v>
      </c>
      <c r="B849" s="5" t="s">
        <v>8</v>
      </c>
      <c r="C849" s="5" t="s">
        <v>2058</v>
      </c>
      <c r="D849" s="6" t="s">
        <v>2091</v>
      </c>
      <c r="E849" s="5" t="s">
        <v>2092</v>
      </c>
      <c r="F849" s="7">
        <v>153621</v>
      </c>
      <c r="G849" s="5" t="s">
        <v>1997</v>
      </c>
      <c r="H849" s="6" t="s">
        <v>1998</v>
      </c>
      <c r="I849" s="8">
        <v>43801</v>
      </c>
    </row>
    <row r="850" spans="1:9" ht="24" x14ac:dyDescent="0.2">
      <c r="A850" s="4">
        <v>43556</v>
      </c>
      <c r="B850" s="5" t="s">
        <v>8</v>
      </c>
      <c r="C850" s="5" t="s">
        <v>2058</v>
      </c>
      <c r="D850" s="6" t="s">
        <v>2093</v>
      </c>
      <c r="E850" s="5" t="s">
        <v>2094</v>
      </c>
      <c r="F850" s="7">
        <v>2217</v>
      </c>
      <c r="G850" s="5" t="s">
        <v>419</v>
      </c>
      <c r="H850" s="6" t="s">
        <v>420</v>
      </c>
      <c r="I850" s="8">
        <v>43802</v>
      </c>
    </row>
    <row r="851" spans="1:9" ht="24" x14ac:dyDescent="0.2">
      <c r="A851" s="4">
        <v>43556</v>
      </c>
      <c r="B851" s="5" t="s">
        <v>8</v>
      </c>
      <c r="C851" s="5" t="s">
        <v>2058</v>
      </c>
      <c r="D851" s="6" t="s">
        <v>2095</v>
      </c>
      <c r="E851" s="5" t="s">
        <v>2096</v>
      </c>
      <c r="F851" s="7">
        <v>15620</v>
      </c>
      <c r="G851" s="5" t="s">
        <v>2003</v>
      </c>
      <c r="H851" s="6" t="s">
        <v>2004</v>
      </c>
      <c r="I851" s="8">
        <v>43802</v>
      </c>
    </row>
    <row r="852" spans="1:9" ht="24" x14ac:dyDescent="0.2">
      <c r="A852" s="4">
        <v>43556</v>
      </c>
      <c r="B852" s="5" t="s">
        <v>8</v>
      </c>
      <c r="C852" s="5" t="s">
        <v>2058</v>
      </c>
      <c r="D852" s="6" t="s">
        <v>2097</v>
      </c>
      <c r="E852" s="5" t="s">
        <v>1156</v>
      </c>
      <c r="F852" s="7">
        <v>99990</v>
      </c>
      <c r="G852" s="5" t="s">
        <v>2003</v>
      </c>
      <c r="H852" s="6" t="s">
        <v>2004</v>
      </c>
      <c r="I852" s="8">
        <v>43802</v>
      </c>
    </row>
    <row r="853" spans="1:9" ht="24" x14ac:dyDescent="0.2">
      <c r="A853" s="4">
        <v>43556</v>
      </c>
      <c r="B853" s="5" t="s">
        <v>8</v>
      </c>
      <c r="C853" s="5" t="s">
        <v>2058</v>
      </c>
      <c r="D853" s="6" t="s">
        <v>2098</v>
      </c>
      <c r="E853" s="5" t="s">
        <v>2099</v>
      </c>
      <c r="F853" s="7">
        <v>38500</v>
      </c>
      <c r="G853" s="5" t="s">
        <v>2007</v>
      </c>
      <c r="H853" s="6" t="s">
        <v>2008</v>
      </c>
      <c r="I853" s="8">
        <v>43802</v>
      </c>
    </row>
    <row r="854" spans="1:9" ht="24" x14ac:dyDescent="0.2">
      <c r="A854" s="4">
        <v>43556</v>
      </c>
      <c r="B854" s="5" t="s">
        <v>8</v>
      </c>
      <c r="C854" s="5" t="s">
        <v>2058</v>
      </c>
      <c r="D854" s="6" t="s">
        <v>2100</v>
      </c>
      <c r="E854" s="5" t="s">
        <v>1010</v>
      </c>
      <c r="F854" s="7">
        <v>35046</v>
      </c>
      <c r="G854" s="5" t="s">
        <v>625</v>
      </c>
      <c r="H854" s="6" t="s">
        <v>265</v>
      </c>
      <c r="I854" s="8">
        <v>43805</v>
      </c>
    </row>
    <row r="855" spans="1:9" ht="24" x14ac:dyDescent="0.2">
      <c r="A855" s="4">
        <v>43556</v>
      </c>
      <c r="B855" s="5" t="s">
        <v>8</v>
      </c>
      <c r="C855" s="5" t="s">
        <v>2058</v>
      </c>
      <c r="D855" s="6" t="s">
        <v>2101</v>
      </c>
      <c r="E855" s="5" t="s">
        <v>2102</v>
      </c>
      <c r="F855" s="7">
        <v>33000</v>
      </c>
      <c r="G855" s="5" t="s">
        <v>2103</v>
      </c>
      <c r="H855" s="6" t="s">
        <v>2104</v>
      </c>
      <c r="I855" s="8">
        <v>43805</v>
      </c>
    </row>
    <row r="856" spans="1:9" ht="24" x14ac:dyDescent="0.2">
      <c r="A856" s="4">
        <v>43556</v>
      </c>
      <c r="B856" s="5" t="s">
        <v>8</v>
      </c>
      <c r="C856" s="5" t="s">
        <v>2058</v>
      </c>
      <c r="D856" s="6" t="s">
        <v>2105</v>
      </c>
      <c r="E856" s="5" t="s">
        <v>1347</v>
      </c>
      <c r="F856" s="7">
        <v>38000</v>
      </c>
      <c r="G856" s="5" t="s">
        <v>2106</v>
      </c>
      <c r="H856" s="6" t="s">
        <v>2107</v>
      </c>
      <c r="I856" s="8">
        <v>43809</v>
      </c>
    </row>
    <row r="857" spans="1:9" x14ac:dyDescent="0.2">
      <c r="A857" s="4">
        <v>43556</v>
      </c>
      <c r="B857" s="5" t="s">
        <v>8</v>
      </c>
      <c r="C857" s="5" t="s">
        <v>2058</v>
      </c>
      <c r="D857" s="6" t="s">
        <v>2108</v>
      </c>
      <c r="E857" s="5" t="s">
        <v>2109</v>
      </c>
      <c r="F857" s="7">
        <v>156084</v>
      </c>
      <c r="G857" s="5" t="s">
        <v>173</v>
      </c>
      <c r="H857" s="6" t="s">
        <v>33</v>
      </c>
      <c r="I857" s="8">
        <v>43812</v>
      </c>
    </row>
    <row r="858" spans="1:9" ht="24" x14ac:dyDescent="0.2">
      <c r="A858" s="4">
        <v>43556</v>
      </c>
      <c r="B858" s="5" t="s">
        <v>8</v>
      </c>
      <c r="C858" s="5" t="s">
        <v>2058</v>
      </c>
      <c r="D858" s="6" t="s">
        <v>2110</v>
      </c>
      <c r="E858" s="5" t="s">
        <v>1272</v>
      </c>
      <c r="F858" s="7">
        <v>112200</v>
      </c>
      <c r="G858" s="5" t="s">
        <v>2003</v>
      </c>
      <c r="H858" s="6" t="s">
        <v>2004</v>
      </c>
      <c r="I858" s="8">
        <v>43823</v>
      </c>
    </row>
    <row r="859" spans="1:9" ht="24" x14ac:dyDescent="0.2">
      <c r="A859" s="4">
        <v>43556</v>
      </c>
      <c r="B859" s="5" t="s">
        <v>8</v>
      </c>
      <c r="C859" s="5" t="s">
        <v>2058</v>
      </c>
      <c r="D859" s="6" t="s">
        <v>2111</v>
      </c>
      <c r="E859" s="5" t="s">
        <v>2112</v>
      </c>
      <c r="F859" s="7">
        <v>49500</v>
      </c>
      <c r="G859" s="5" t="s">
        <v>2113</v>
      </c>
      <c r="H859" s="6" t="s">
        <v>207</v>
      </c>
      <c r="I859" s="8">
        <v>43824</v>
      </c>
    </row>
    <row r="860" spans="1:9" ht="24" x14ac:dyDescent="0.2">
      <c r="A860" s="4">
        <v>43556</v>
      </c>
      <c r="B860" s="5" t="s">
        <v>8</v>
      </c>
      <c r="C860" s="5" t="s">
        <v>2114</v>
      </c>
      <c r="D860" s="6" t="s">
        <v>2115</v>
      </c>
      <c r="E860" s="5" t="s">
        <v>2116</v>
      </c>
      <c r="F860" s="7">
        <v>239289</v>
      </c>
      <c r="G860" s="5" t="s">
        <v>2117</v>
      </c>
      <c r="H860" s="6" t="s">
        <v>2118</v>
      </c>
      <c r="I860" s="8">
        <v>43741</v>
      </c>
    </row>
    <row r="861" spans="1:9" ht="24" x14ac:dyDescent="0.2">
      <c r="A861" s="4">
        <v>43556</v>
      </c>
      <c r="B861" s="5" t="s">
        <v>8</v>
      </c>
      <c r="C861" s="5" t="s">
        <v>2114</v>
      </c>
      <c r="D861" s="6" t="s">
        <v>2119</v>
      </c>
      <c r="E861" s="5" t="s">
        <v>1216</v>
      </c>
      <c r="F861" s="7">
        <v>6797</v>
      </c>
      <c r="G861" s="5" t="s">
        <v>2120</v>
      </c>
      <c r="H861" s="6" t="s">
        <v>2121</v>
      </c>
      <c r="I861" s="8">
        <v>43741</v>
      </c>
    </row>
    <row r="862" spans="1:9" ht="24" x14ac:dyDescent="0.2">
      <c r="A862" s="4">
        <v>43556</v>
      </c>
      <c r="B862" s="5" t="s">
        <v>8</v>
      </c>
      <c r="C862" s="5" t="s">
        <v>2114</v>
      </c>
      <c r="D862" s="6" t="s">
        <v>2122</v>
      </c>
      <c r="E862" s="5" t="s">
        <v>2123</v>
      </c>
      <c r="F862" s="7">
        <v>47433</v>
      </c>
      <c r="G862" s="5" t="s">
        <v>2066</v>
      </c>
      <c r="H862" s="6" t="s">
        <v>2067</v>
      </c>
      <c r="I862" s="8">
        <v>43746</v>
      </c>
    </row>
    <row r="863" spans="1:9" ht="24" x14ac:dyDescent="0.2">
      <c r="A863" s="4">
        <v>43556</v>
      </c>
      <c r="B863" s="5" t="s">
        <v>8</v>
      </c>
      <c r="C863" s="5" t="s">
        <v>2114</v>
      </c>
      <c r="D863" s="6" t="s">
        <v>2124</v>
      </c>
      <c r="E863" s="5" t="s">
        <v>2125</v>
      </c>
      <c r="F863" s="7">
        <v>33296</v>
      </c>
      <c r="G863" s="5" t="s">
        <v>2126</v>
      </c>
      <c r="H863" s="6" t="s">
        <v>2127</v>
      </c>
      <c r="I863" s="8">
        <v>43747</v>
      </c>
    </row>
    <row r="864" spans="1:9" ht="24" x14ac:dyDescent="0.2">
      <c r="A864" s="4">
        <v>43556</v>
      </c>
      <c r="B864" s="5" t="s">
        <v>8</v>
      </c>
      <c r="C864" s="5" t="s">
        <v>2114</v>
      </c>
      <c r="D864" s="6" t="s">
        <v>2128</v>
      </c>
      <c r="E864" s="5" t="s">
        <v>2129</v>
      </c>
      <c r="F864" s="7">
        <v>41022</v>
      </c>
      <c r="G864" s="5" t="s">
        <v>2117</v>
      </c>
      <c r="H864" s="6" t="s">
        <v>2118</v>
      </c>
      <c r="I864" s="8">
        <v>43755</v>
      </c>
    </row>
    <row r="865" spans="1:9" ht="24" x14ac:dyDescent="0.2">
      <c r="A865" s="4">
        <v>43556</v>
      </c>
      <c r="B865" s="5" t="s">
        <v>8</v>
      </c>
      <c r="C865" s="5" t="s">
        <v>2114</v>
      </c>
      <c r="D865" s="6" t="s">
        <v>2130</v>
      </c>
      <c r="E865" s="5" t="s">
        <v>2131</v>
      </c>
      <c r="F865" s="7">
        <v>562137</v>
      </c>
      <c r="G865" s="5" t="s">
        <v>2117</v>
      </c>
      <c r="H865" s="6" t="s">
        <v>2118</v>
      </c>
      <c r="I865" s="8">
        <v>43755</v>
      </c>
    </row>
    <row r="866" spans="1:9" ht="24" x14ac:dyDescent="0.2">
      <c r="A866" s="4">
        <v>43556</v>
      </c>
      <c r="B866" s="5" t="s">
        <v>8</v>
      </c>
      <c r="C866" s="5" t="s">
        <v>2114</v>
      </c>
      <c r="D866" s="6" t="s">
        <v>2132</v>
      </c>
      <c r="E866" s="5" t="s">
        <v>2133</v>
      </c>
      <c r="F866" s="7">
        <v>31438</v>
      </c>
      <c r="G866" s="5" t="s">
        <v>2126</v>
      </c>
      <c r="H866" s="6" t="s">
        <v>2127</v>
      </c>
      <c r="I866" s="8">
        <v>43755</v>
      </c>
    </row>
    <row r="867" spans="1:9" ht="24" x14ac:dyDescent="0.2">
      <c r="A867" s="4">
        <v>43556</v>
      </c>
      <c r="B867" s="5" t="s">
        <v>8</v>
      </c>
      <c r="C867" s="5" t="s">
        <v>2114</v>
      </c>
      <c r="D867" s="6" t="s">
        <v>2134</v>
      </c>
      <c r="E867" s="5" t="s">
        <v>2135</v>
      </c>
      <c r="F867" s="7">
        <v>29755</v>
      </c>
      <c r="G867" s="5" t="s">
        <v>2066</v>
      </c>
      <c r="H867" s="6" t="s">
        <v>2067</v>
      </c>
      <c r="I867" s="8">
        <v>43761</v>
      </c>
    </row>
    <row r="868" spans="1:9" ht="24" x14ac:dyDescent="0.2">
      <c r="A868" s="4">
        <v>43556</v>
      </c>
      <c r="B868" s="5" t="s">
        <v>8</v>
      </c>
      <c r="C868" s="5" t="s">
        <v>2114</v>
      </c>
      <c r="D868" s="6" t="s">
        <v>2136</v>
      </c>
      <c r="E868" s="5" t="s">
        <v>2137</v>
      </c>
      <c r="F868" s="7">
        <v>20955</v>
      </c>
      <c r="G868" s="5" t="s">
        <v>2117</v>
      </c>
      <c r="H868" s="6" t="s">
        <v>2118</v>
      </c>
      <c r="I868" s="8">
        <v>43762</v>
      </c>
    </row>
    <row r="869" spans="1:9" ht="24" x14ac:dyDescent="0.2">
      <c r="A869" s="4">
        <v>43556</v>
      </c>
      <c r="B869" s="5" t="s">
        <v>8</v>
      </c>
      <c r="C869" s="5" t="s">
        <v>2114</v>
      </c>
      <c r="D869" s="6" t="s">
        <v>2138</v>
      </c>
      <c r="E869" s="5" t="s">
        <v>2139</v>
      </c>
      <c r="F869" s="7">
        <v>87120</v>
      </c>
      <c r="G869" s="5" t="s">
        <v>2140</v>
      </c>
      <c r="H869" s="6" t="s">
        <v>2141</v>
      </c>
      <c r="I869" s="8">
        <v>43776</v>
      </c>
    </row>
    <row r="870" spans="1:9" ht="24" x14ac:dyDescent="0.2">
      <c r="A870" s="4">
        <v>43556</v>
      </c>
      <c r="B870" s="5" t="s">
        <v>8</v>
      </c>
      <c r="C870" s="5" t="s">
        <v>2114</v>
      </c>
      <c r="D870" s="6" t="s">
        <v>2142</v>
      </c>
      <c r="E870" s="5" t="s">
        <v>2143</v>
      </c>
      <c r="F870" s="7">
        <v>74496</v>
      </c>
      <c r="G870" s="5" t="s">
        <v>2117</v>
      </c>
      <c r="H870" s="6" t="s">
        <v>2118</v>
      </c>
      <c r="I870" s="8">
        <v>43782</v>
      </c>
    </row>
    <row r="871" spans="1:9" ht="24" x14ac:dyDescent="0.2">
      <c r="A871" s="4">
        <v>43556</v>
      </c>
      <c r="B871" s="5" t="s">
        <v>8</v>
      </c>
      <c r="C871" s="5" t="s">
        <v>2114</v>
      </c>
      <c r="D871" s="6" t="s">
        <v>2144</v>
      </c>
      <c r="E871" s="5" t="s">
        <v>682</v>
      </c>
      <c r="F871" s="7">
        <v>20988</v>
      </c>
      <c r="G871" s="5" t="s">
        <v>264</v>
      </c>
      <c r="H871" s="6" t="s">
        <v>265</v>
      </c>
      <c r="I871" s="8">
        <v>43795</v>
      </c>
    </row>
    <row r="872" spans="1:9" ht="24" x14ac:dyDescent="0.2">
      <c r="A872" s="4">
        <v>43556</v>
      </c>
      <c r="B872" s="5" t="s">
        <v>8</v>
      </c>
      <c r="C872" s="5" t="s">
        <v>2114</v>
      </c>
      <c r="D872" s="6" t="s">
        <v>2145</v>
      </c>
      <c r="E872" s="5" t="s">
        <v>682</v>
      </c>
      <c r="F872" s="7">
        <v>10989</v>
      </c>
      <c r="G872" s="5" t="s">
        <v>2120</v>
      </c>
      <c r="H872" s="6" t="s">
        <v>2121</v>
      </c>
      <c r="I872" s="8">
        <v>43802</v>
      </c>
    </row>
    <row r="873" spans="1:9" ht="24" x14ac:dyDescent="0.2">
      <c r="A873" s="4">
        <v>43556</v>
      </c>
      <c r="B873" s="5" t="s">
        <v>8</v>
      </c>
      <c r="C873" s="5" t="s">
        <v>2114</v>
      </c>
      <c r="D873" s="6" t="s">
        <v>2146</v>
      </c>
      <c r="E873" s="5" t="s">
        <v>2147</v>
      </c>
      <c r="F873" s="7">
        <v>90992</v>
      </c>
      <c r="G873" s="5" t="s">
        <v>2140</v>
      </c>
      <c r="H873" s="6" t="s">
        <v>2141</v>
      </c>
      <c r="I873" s="8">
        <v>43802</v>
      </c>
    </row>
    <row r="874" spans="1:9" ht="24" x14ac:dyDescent="0.2">
      <c r="A874" s="4">
        <v>43556</v>
      </c>
      <c r="B874" s="5" t="s">
        <v>8</v>
      </c>
      <c r="C874" s="5" t="s">
        <v>2114</v>
      </c>
      <c r="D874" s="6" t="s">
        <v>2148</v>
      </c>
      <c r="E874" s="5" t="s">
        <v>1472</v>
      </c>
      <c r="F874" s="7">
        <v>1760</v>
      </c>
      <c r="G874" s="5" t="s">
        <v>2149</v>
      </c>
      <c r="H874" s="6" t="s">
        <v>2150</v>
      </c>
      <c r="I874" s="8">
        <v>43803</v>
      </c>
    </row>
    <row r="875" spans="1:9" ht="24" x14ac:dyDescent="0.2">
      <c r="A875" s="4">
        <v>43556</v>
      </c>
      <c r="B875" s="5" t="s">
        <v>8</v>
      </c>
      <c r="C875" s="5" t="s">
        <v>2114</v>
      </c>
      <c r="D875" s="6" t="s">
        <v>2151</v>
      </c>
      <c r="E875" s="5" t="s">
        <v>2152</v>
      </c>
      <c r="F875" s="7">
        <v>16940</v>
      </c>
      <c r="G875" s="5" t="s">
        <v>2126</v>
      </c>
      <c r="H875" s="6" t="s">
        <v>2127</v>
      </c>
      <c r="I875" s="8">
        <v>43805</v>
      </c>
    </row>
    <row r="876" spans="1:9" ht="24" x14ac:dyDescent="0.2">
      <c r="A876" s="4">
        <v>43556</v>
      </c>
      <c r="B876" s="5" t="s">
        <v>8</v>
      </c>
      <c r="C876" s="5" t="s">
        <v>2114</v>
      </c>
      <c r="D876" s="6" t="s">
        <v>2153</v>
      </c>
      <c r="E876" s="5" t="s">
        <v>2154</v>
      </c>
      <c r="F876" s="7">
        <v>66572</v>
      </c>
      <c r="G876" s="5" t="s">
        <v>2117</v>
      </c>
      <c r="H876" s="6" t="s">
        <v>2118</v>
      </c>
      <c r="I876" s="8">
        <v>43810</v>
      </c>
    </row>
    <row r="877" spans="1:9" ht="24" x14ac:dyDescent="0.2">
      <c r="A877" s="4">
        <v>43556</v>
      </c>
      <c r="B877" s="5" t="s">
        <v>8</v>
      </c>
      <c r="C877" s="5" t="s">
        <v>2114</v>
      </c>
      <c r="D877" s="6" t="s">
        <v>2155</v>
      </c>
      <c r="E877" s="5" t="s">
        <v>2143</v>
      </c>
      <c r="F877" s="7">
        <v>225123</v>
      </c>
      <c r="G877" s="5" t="s">
        <v>2117</v>
      </c>
      <c r="H877" s="6" t="s">
        <v>2118</v>
      </c>
      <c r="I877" s="8">
        <v>43810</v>
      </c>
    </row>
    <row r="878" spans="1:9" ht="24" x14ac:dyDescent="0.2">
      <c r="A878" s="4">
        <v>43556</v>
      </c>
      <c r="B878" s="5" t="s">
        <v>8</v>
      </c>
      <c r="C878" s="5" t="s">
        <v>2114</v>
      </c>
      <c r="D878" s="6" t="s">
        <v>2156</v>
      </c>
      <c r="E878" s="5" t="s">
        <v>2157</v>
      </c>
      <c r="F878" s="7">
        <v>5500</v>
      </c>
      <c r="G878" s="5" t="s">
        <v>2117</v>
      </c>
      <c r="H878" s="6" t="s">
        <v>2118</v>
      </c>
      <c r="I878" s="8">
        <v>43811</v>
      </c>
    </row>
    <row r="879" spans="1:9" ht="24" x14ac:dyDescent="0.2">
      <c r="A879" s="4">
        <v>43556</v>
      </c>
      <c r="B879" s="5" t="s">
        <v>8</v>
      </c>
      <c r="C879" s="5" t="s">
        <v>2114</v>
      </c>
      <c r="D879" s="6" t="s">
        <v>2158</v>
      </c>
      <c r="E879" s="5" t="s">
        <v>641</v>
      </c>
      <c r="F879" s="7">
        <v>5643</v>
      </c>
      <c r="G879" s="5" t="s">
        <v>2159</v>
      </c>
      <c r="H879" s="6" t="s">
        <v>2160</v>
      </c>
      <c r="I879" s="8">
        <v>43818</v>
      </c>
    </row>
    <row r="880" spans="1:9" ht="24" x14ac:dyDescent="0.2">
      <c r="A880" s="4">
        <v>43556</v>
      </c>
      <c r="B880" s="5" t="s">
        <v>8</v>
      </c>
      <c r="C880" s="5" t="s">
        <v>2114</v>
      </c>
      <c r="D880" s="6" t="s">
        <v>2161</v>
      </c>
      <c r="E880" s="5" t="s">
        <v>2162</v>
      </c>
      <c r="F880" s="7">
        <v>12650</v>
      </c>
      <c r="G880" s="5" t="s">
        <v>2066</v>
      </c>
      <c r="H880" s="6" t="s">
        <v>2067</v>
      </c>
      <c r="I880" s="8">
        <v>43822</v>
      </c>
    </row>
    <row r="881" spans="1:9" ht="24" x14ac:dyDescent="0.2">
      <c r="A881" s="4">
        <v>43556</v>
      </c>
      <c r="B881" s="5" t="s">
        <v>8</v>
      </c>
      <c r="C881" s="5" t="s">
        <v>2114</v>
      </c>
      <c r="D881" s="6" t="s">
        <v>2163</v>
      </c>
      <c r="E881" s="5" t="s">
        <v>861</v>
      </c>
      <c r="F881" s="7">
        <v>96822</v>
      </c>
      <c r="G881" s="5" t="s">
        <v>2164</v>
      </c>
      <c r="H881" s="6" t="s">
        <v>2165</v>
      </c>
      <c r="I881" s="8">
        <v>43823</v>
      </c>
    </row>
    <row r="882" spans="1:9" ht="24" x14ac:dyDescent="0.2">
      <c r="A882" s="4">
        <v>43556</v>
      </c>
      <c r="B882" s="5" t="s">
        <v>8</v>
      </c>
      <c r="C882" s="5" t="s">
        <v>2166</v>
      </c>
      <c r="D882" s="6" t="s">
        <v>2167</v>
      </c>
      <c r="E882" s="5" t="s">
        <v>844</v>
      </c>
      <c r="F882" s="7">
        <v>45813</v>
      </c>
      <c r="G882" s="5" t="s">
        <v>2117</v>
      </c>
      <c r="H882" s="6" t="s">
        <v>2118</v>
      </c>
      <c r="I882" s="8">
        <v>43741</v>
      </c>
    </row>
    <row r="883" spans="1:9" ht="24" x14ac:dyDescent="0.2">
      <c r="A883" s="4">
        <v>43556</v>
      </c>
      <c r="B883" s="5" t="s">
        <v>8</v>
      </c>
      <c r="C883" s="5" t="s">
        <v>2166</v>
      </c>
      <c r="D883" s="6" t="s">
        <v>2168</v>
      </c>
      <c r="E883" s="5" t="s">
        <v>2169</v>
      </c>
      <c r="F883" s="7">
        <v>47682</v>
      </c>
      <c r="G883" s="5" t="s">
        <v>2170</v>
      </c>
      <c r="H883" s="6" t="s">
        <v>2127</v>
      </c>
      <c r="I883" s="8">
        <v>43747</v>
      </c>
    </row>
    <row r="884" spans="1:9" ht="24" x14ac:dyDescent="0.2">
      <c r="A884" s="4">
        <v>43556</v>
      </c>
      <c r="B884" s="5" t="s">
        <v>8</v>
      </c>
      <c r="C884" s="5" t="s">
        <v>2166</v>
      </c>
      <c r="D884" s="6" t="s">
        <v>2171</v>
      </c>
      <c r="E884" s="5" t="s">
        <v>2172</v>
      </c>
      <c r="F884" s="7">
        <v>47872</v>
      </c>
      <c r="G884" s="5" t="s">
        <v>2170</v>
      </c>
      <c r="H884" s="6" t="s">
        <v>2127</v>
      </c>
      <c r="I884" s="8">
        <v>43747</v>
      </c>
    </row>
    <row r="885" spans="1:9" ht="24" x14ac:dyDescent="0.2">
      <c r="A885" s="4">
        <v>43556</v>
      </c>
      <c r="B885" s="5" t="s">
        <v>8</v>
      </c>
      <c r="C885" s="5" t="s">
        <v>2166</v>
      </c>
      <c r="D885" s="6" t="s">
        <v>2173</v>
      </c>
      <c r="E885" s="5" t="s">
        <v>2174</v>
      </c>
      <c r="F885" s="7">
        <v>267408</v>
      </c>
      <c r="G885" s="5" t="s">
        <v>2117</v>
      </c>
      <c r="H885" s="6" t="s">
        <v>2118</v>
      </c>
      <c r="I885" s="8">
        <v>43754</v>
      </c>
    </row>
    <row r="886" spans="1:9" ht="24" x14ac:dyDescent="0.2">
      <c r="A886" s="4">
        <v>43556</v>
      </c>
      <c r="B886" s="5" t="s">
        <v>8</v>
      </c>
      <c r="C886" s="5" t="s">
        <v>2166</v>
      </c>
      <c r="D886" s="6" t="s">
        <v>2175</v>
      </c>
      <c r="E886" s="5" t="s">
        <v>2176</v>
      </c>
      <c r="F886" s="7">
        <v>37950</v>
      </c>
      <c r="G886" s="5" t="s">
        <v>2177</v>
      </c>
      <c r="H886" s="6" t="s">
        <v>2178</v>
      </c>
      <c r="I886" s="8">
        <v>43754</v>
      </c>
    </row>
    <row r="887" spans="1:9" ht="24" x14ac:dyDescent="0.2">
      <c r="A887" s="4">
        <v>43556</v>
      </c>
      <c r="B887" s="5" t="s">
        <v>8</v>
      </c>
      <c r="C887" s="5" t="s">
        <v>2166</v>
      </c>
      <c r="D887" s="6" t="s">
        <v>2179</v>
      </c>
      <c r="E887" s="5" t="s">
        <v>2180</v>
      </c>
      <c r="F887" s="7">
        <v>73535</v>
      </c>
      <c r="G887" s="5" t="s">
        <v>2117</v>
      </c>
      <c r="H887" s="6" t="s">
        <v>2118</v>
      </c>
      <c r="I887" s="8">
        <v>43761</v>
      </c>
    </row>
    <row r="888" spans="1:9" ht="24" x14ac:dyDescent="0.2">
      <c r="A888" s="4">
        <v>43556</v>
      </c>
      <c r="B888" s="5" t="s">
        <v>8</v>
      </c>
      <c r="C888" s="5" t="s">
        <v>2166</v>
      </c>
      <c r="D888" s="6" t="s">
        <v>2181</v>
      </c>
      <c r="E888" s="5" t="s">
        <v>629</v>
      </c>
      <c r="F888" s="7">
        <v>130592</v>
      </c>
      <c r="G888" s="5" t="s">
        <v>2140</v>
      </c>
      <c r="H888" s="6" t="s">
        <v>2141</v>
      </c>
      <c r="I888" s="8">
        <v>43774</v>
      </c>
    </row>
    <row r="889" spans="1:9" x14ac:dyDescent="0.2">
      <c r="A889" s="4">
        <v>43556</v>
      </c>
      <c r="B889" s="5" t="s">
        <v>8</v>
      </c>
      <c r="C889" s="5" t="s">
        <v>2166</v>
      </c>
      <c r="D889" s="6" t="s">
        <v>2182</v>
      </c>
      <c r="E889" s="5" t="s">
        <v>2183</v>
      </c>
      <c r="F889" s="7">
        <v>53097</v>
      </c>
      <c r="G889" s="5" t="s">
        <v>2184</v>
      </c>
      <c r="H889" s="6" t="s">
        <v>33</v>
      </c>
      <c r="I889" s="8">
        <v>43776</v>
      </c>
    </row>
    <row r="890" spans="1:9" ht="24" x14ac:dyDescent="0.2">
      <c r="A890" s="4">
        <v>43556</v>
      </c>
      <c r="B890" s="5" t="s">
        <v>8</v>
      </c>
      <c r="C890" s="5" t="s">
        <v>2166</v>
      </c>
      <c r="D890" s="6" t="s">
        <v>2185</v>
      </c>
      <c r="E890" s="5" t="s">
        <v>2186</v>
      </c>
      <c r="F890" s="7">
        <v>226644</v>
      </c>
      <c r="G890" s="5" t="s">
        <v>2117</v>
      </c>
      <c r="H890" s="6" t="s">
        <v>2118</v>
      </c>
      <c r="I890" s="8">
        <v>43783</v>
      </c>
    </row>
    <row r="891" spans="1:9" x14ac:dyDescent="0.2">
      <c r="A891" s="4">
        <v>43556</v>
      </c>
      <c r="B891" s="5" t="s">
        <v>8</v>
      </c>
      <c r="C891" s="5" t="s">
        <v>2166</v>
      </c>
      <c r="D891" s="6" t="s">
        <v>2187</v>
      </c>
      <c r="E891" s="5" t="s">
        <v>2188</v>
      </c>
      <c r="F891" s="7">
        <v>33330</v>
      </c>
      <c r="G891" s="5" t="s">
        <v>2189</v>
      </c>
      <c r="H891" s="6" t="s">
        <v>33</v>
      </c>
      <c r="I891" s="8">
        <v>43787</v>
      </c>
    </row>
    <row r="892" spans="1:9" ht="24" x14ac:dyDescent="0.2">
      <c r="A892" s="4">
        <v>43556</v>
      </c>
      <c r="B892" s="5" t="s">
        <v>8</v>
      </c>
      <c r="C892" s="5" t="s">
        <v>2166</v>
      </c>
      <c r="D892" s="6" t="s">
        <v>2190</v>
      </c>
      <c r="E892" s="5" t="s">
        <v>2191</v>
      </c>
      <c r="F892" s="7">
        <v>313698</v>
      </c>
      <c r="G892" s="5" t="s">
        <v>2192</v>
      </c>
      <c r="H892" s="6" t="s">
        <v>2193</v>
      </c>
      <c r="I892" s="8">
        <v>43794</v>
      </c>
    </row>
    <row r="893" spans="1:9" ht="24" x14ac:dyDescent="0.2">
      <c r="A893" s="4">
        <v>43556</v>
      </c>
      <c r="B893" s="5" t="s">
        <v>8</v>
      </c>
      <c r="C893" s="5" t="s">
        <v>2166</v>
      </c>
      <c r="D893" s="6" t="s">
        <v>2194</v>
      </c>
      <c r="E893" s="5" t="s">
        <v>2195</v>
      </c>
      <c r="F893" s="7">
        <v>31284</v>
      </c>
      <c r="G893" s="5" t="s">
        <v>2170</v>
      </c>
      <c r="H893" s="6" t="s">
        <v>2127</v>
      </c>
      <c r="I893" s="8">
        <v>43794</v>
      </c>
    </row>
    <row r="894" spans="1:9" ht="24" x14ac:dyDescent="0.2">
      <c r="A894" s="4">
        <v>43556</v>
      </c>
      <c r="B894" s="5" t="s">
        <v>8</v>
      </c>
      <c r="C894" s="5" t="s">
        <v>2166</v>
      </c>
      <c r="D894" s="6" t="s">
        <v>2196</v>
      </c>
      <c r="E894" s="5" t="s">
        <v>786</v>
      </c>
      <c r="F894" s="7">
        <v>128656</v>
      </c>
      <c r="G894" s="5" t="s">
        <v>2140</v>
      </c>
      <c r="H894" s="6" t="s">
        <v>2141</v>
      </c>
      <c r="I894" s="8">
        <v>43802</v>
      </c>
    </row>
    <row r="895" spans="1:9" x14ac:dyDescent="0.2">
      <c r="A895" s="4">
        <v>43556</v>
      </c>
      <c r="B895" s="5" t="s">
        <v>8</v>
      </c>
      <c r="C895" s="5" t="s">
        <v>2166</v>
      </c>
      <c r="D895" s="6" t="s">
        <v>2197</v>
      </c>
      <c r="E895" s="5" t="s">
        <v>2198</v>
      </c>
      <c r="F895" s="7">
        <v>22869</v>
      </c>
      <c r="G895" s="5" t="s">
        <v>2184</v>
      </c>
      <c r="H895" s="6" t="s">
        <v>33</v>
      </c>
      <c r="I895" s="8">
        <v>43804</v>
      </c>
    </row>
    <row r="896" spans="1:9" ht="24" x14ac:dyDescent="0.2">
      <c r="A896" s="4">
        <v>43556</v>
      </c>
      <c r="B896" s="5" t="s">
        <v>8</v>
      </c>
      <c r="C896" s="5" t="s">
        <v>2166</v>
      </c>
      <c r="D896" s="6" t="s">
        <v>2199</v>
      </c>
      <c r="E896" s="5" t="s">
        <v>2200</v>
      </c>
      <c r="F896" s="7">
        <v>43063</v>
      </c>
      <c r="G896" s="5" t="s">
        <v>36</v>
      </c>
      <c r="H896" s="6" t="s">
        <v>37</v>
      </c>
      <c r="I896" s="8">
        <v>43805</v>
      </c>
    </row>
    <row r="897" spans="1:9" ht="24" x14ac:dyDescent="0.2">
      <c r="A897" s="4">
        <v>43556</v>
      </c>
      <c r="B897" s="5" t="s">
        <v>8</v>
      </c>
      <c r="C897" s="5" t="s">
        <v>2166</v>
      </c>
      <c r="D897" s="6" t="s">
        <v>2201</v>
      </c>
      <c r="E897" s="5" t="s">
        <v>2202</v>
      </c>
      <c r="F897" s="7">
        <v>246493</v>
      </c>
      <c r="G897" s="5" t="s">
        <v>2117</v>
      </c>
      <c r="H897" s="6" t="s">
        <v>2118</v>
      </c>
      <c r="I897" s="8">
        <v>43810</v>
      </c>
    </row>
    <row r="898" spans="1:9" x14ac:dyDescent="0.2">
      <c r="A898" s="4">
        <v>43556</v>
      </c>
      <c r="B898" s="5" t="s">
        <v>8</v>
      </c>
      <c r="C898" s="5" t="s">
        <v>2166</v>
      </c>
      <c r="D898" s="6" t="s">
        <v>2203</v>
      </c>
      <c r="E898" s="5" t="s">
        <v>2204</v>
      </c>
      <c r="F898" s="7">
        <v>9482</v>
      </c>
      <c r="G898" s="5" t="s">
        <v>2205</v>
      </c>
      <c r="H898" s="6" t="s">
        <v>33</v>
      </c>
      <c r="I898" s="8">
        <v>43811</v>
      </c>
    </row>
    <row r="899" spans="1:9" ht="24" x14ac:dyDescent="0.2">
      <c r="A899" s="4">
        <v>43556</v>
      </c>
      <c r="B899" s="5" t="s">
        <v>8</v>
      </c>
      <c r="C899" s="5" t="s">
        <v>2166</v>
      </c>
      <c r="D899" s="6" t="s">
        <v>2206</v>
      </c>
      <c r="E899" s="5" t="s">
        <v>2207</v>
      </c>
      <c r="F899" s="7">
        <v>21142</v>
      </c>
      <c r="G899" s="5" t="s">
        <v>2208</v>
      </c>
      <c r="H899" s="6" t="s">
        <v>2209</v>
      </c>
      <c r="I899" s="8">
        <v>43816</v>
      </c>
    </row>
    <row r="900" spans="1:9" ht="24" x14ac:dyDescent="0.2">
      <c r="A900" s="4">
        <v>43556</v>
      </c>
      <c r="B900" s="5" t="s">
        <v>8</v>
      </c>
      <c r="C900" s="5" t="s">
        <v>2210</v>
      </c>
      <c r="D900" s="6" t="s">
        <v>2211</v>
      </c>
      <c r="E900" s="5" t="s">
        <v>2212</v>
      </c>
      <c r="F900" s="7">
        <v>61819</v>
      </c>
      <c r="G900" s="5" t="s">
        <v>1997</v>
      </c>
      <c r="H900" s="6" t="s">
        <v>1998</v>
      </c>
      <c r="I900" s="8">
        <v>43741</v>
      </c>
    </row>
    <row r="901" spans="1:9" ht="24" x14ac:dyDescent="0.2">
      <c r="A901" s="4">
        <v>43556</v>
      </c>
      <c r="B901" s="5" t="s">
        <v>8</v>
      </c>
      <c r="C901" s="5" t="s">
        <v>2210</v>
      </c>
      <c r="D901" s="6" t="s">
        <v>2213</v>
      </c>
      <c r="E901" s="5" t="s">
        <v>997</v>
      </c>
      <c r="F901" s="7">
        <v>13824</v>
      </c>
      <c r="G901" s="5" t="s">
        <v>264</v>
      </c>
      <c r="H901" s="6" t="s">
        <v>265</v>
      </c>
      <c r="I901" s="8">
        <v>43745</v>
      </c>
    </row>
    <row r="902" spans="1:9" ht="24" x14ac:dyDescent="0.2">
      <c r="A902" s="4">
        <v>43556</v>
      </c>
      <c r="B902" s="5" t="s">
        <v>8</v>
      </c>
      <c r="C902" s="5" t="s">
        <v>2210</v>
      </c>
      <c r="D902" s="6" t="s">
        <v>2214</v>
      </c>
      <c r="E902" s="5" t="s">
        <v>1147</v>
      </c>
      <c r="F902" s="7">
        <v>124036</v>
      </c>
      <c r="G902" s="5" t="s">
        <v>173</v>
      </c>
      <c r="H902" s="6" t="s">
        <v>33</v>
      </c>
      <c r="I902" s="8">
        <v>43775</v>
      </c>
    </row>
    <row r="903" spans="1:9" ht="24" x14ac:dyDescent="0.2">
      <c r="A903" s="4">
        <v>43556</v>
      </c>
      <c r="B903" s="5" t="s">
        <v>8</v>
      </c>
      <c r="C903" s="5" t="s">
        <v>2210</v>
      </c>
      <c r="D903" s="6" t="s">
        <v>2215</v>
      </c>
      <c r="E903" s="5" t="s">
        <v>629</v>
      </c>
      <c r="F903" s="7">
        <v>62541</v>
      </c>
      <c r="G903" s="5" t="s">
        <v>1997</v>
      </c>
      <c r="H903" s="6" t="s">
        <v>1998</v>
      </c>
      <c r="I903" s="8">
        <v>43776</v>
      </c>
    </row>
    <row r="904" spans="1:9" ht="24" x14ac:dyDescent="0.2">
      <c r="A904" s="4">
        <v>43556</v>
      </c>
      <c r="B904" s="5" t="s">
        <v>8</v>
      </c>
      <c r="C904" s="5" t="s">
        <v>2210</v>
      </c>
      <c r="D904" s="6" t="s">
        <v>2216</v>
      </c>
      <c r="E904" s="5" t="s">
        <v>2217</v>
      </c>
      <c r="F904" s="7">
        <v>171600</v>
      </c>
      <c r="G904" s="5" t="s">
        <v>2218</v>
      </c>
      <c r="H904" s="6" t="s">
        <v>2219</v>
      </c>
      <c r="I904" s="8">
        <v>43787</v>
      </c>
    </row>
    <row r="905" spans="1:9" ht="24" x14ac:dyDescent="0.2">
      <c r="A905" s="4">
        <v>43556</v>
      </c>
      <c r="B905" s="5" t="s">
        <v>8</v>
      </c>
      <c r="C905" s="5" t="s">
        <v>2210</v>
      </c>
      <c r="D905" s="6" t="s">
        <v>2220</v>
      </c>
      <c r="E905" s="5" t="s">
        <v>786</v>
      </c>
      <c r="F905" s="7">
        <v>60720</v>
      </c>
      <c r="G905" s="5" t="s">
        <v>1997</v>
      </c>
      <c r="H905" s="6" t="s">
        <v>1998</v>
      </c>
      <c r="I905" s="8">
        <v>43803</v>
      </c>
    </row>
    <row r="906" spans="1:9" ht="24" x14ac:dyDescent="0.2">
      <c r="A906" s="4">
        <v>43556</v>
      </c>
      <c r="B906" s="5" t="s">
        <v>8</v>
      </c>
      <c r="C906" s="5" t="s">
        <v>2210</v>
      </c>
      <c r="D906" s="6" t="s">
        <v>2221</v>
      </c>
      <c r="E906" s="5" t="s">
        <v>1010</v>
      </c>
      <c r="F906" s="7">
        <v>14080</v>
      </c>
      <c r="G906" s="5" t="s">
        <v>264</v>
      </c>
      <c r="H906" s="6" t="s">
        <v>265</v>
      </c>
      <c r="I906" s="8">
        <v>43805</v>
      </c>
    </row>
    <row r="907" spans="1:9" ht="24" x14ac:dyDescent="0.2">
      <c r="A907" s="4">
        <v>43556</v>
      </c>
      <c r="B907" s="5" t="s">
        <v>8</v>
      </c>
      <c r="C907" s="5" t="s">
        <v>2210</v>
      </c>
      <c r="D907" s="6" t="s">
        <v>2222</v>
      </c>
      <c r="E907" s="5" t="s">
        <v>1156</v>
      </c>
      <c r="F907" s="7">
        <v>47608</v>
      </c>
      <c r="G907" s="5" t="s">
        <v>173</v>
      </c>
      <c r="H907" s="6" t="s">
        <v>33</v>
      </c>
      <c r="I907" s="8">
        <v>43805</v>
      </c>
    </row>
    <row r="908" spans="1:9" ht="24" x14ac:dyDescent="0.2">
      <c r="A908" s="4">
        <v>43556</v>
      </c>
      <c r="B908" s="5" t="s">
        <v>8</v>
      </c>
      <c r="C908" s="5" t="s">
        <v>2210</v>
      </c>
      <c r="D908" s="6" t="s">
        <v>2223</v>
      </c>
      <c r="E908" s="5" t="s">
        <v>986</v>
      </c>
      <c r="F908" s="7">
        <v>99836</v>
      </c>
      <c r="G908" s="5" t="s">
        <v>2072</v>
      </c>
      <c r="H908" s="6" t="s">
        <v>2073</v>
      </c>
      <c r="I908" s="8">
        <v>43812</v>
      </c>
    </row>
    <row r="909" spans="1:9" x14ac:dyDescent="0.2">
      <c r="A909" s="4">
        <v>43556</v>
      </c>
      <c r="B909" s="5" t="s">
        <v>8</v>
      </c>
      <c r="C909" s="5" t="s">
        <v>2224</v>
      </c>
      <c r="D909" s="6" t="s">
        <v>2225</v>
      </c>
      <c r="E909" s="5" t="s">
        <v>197</v>
      </c>
      <c r="F909" s="7">
        <v>5187</v>
      </c>
      <c r="G909" s="5" t="s">
        <v>1225</v>
      </c>
      <c r="H909" s="6" t="s">
        <v>33</v>
      </c>
      <c r="I909" s="8">
        <v>43741</v>
      </c>
    </row>
    <row r="910" spans="1:9" ht="24" x14ac:dyDescent="0.2">
      <c r="A910" s="4">
        <v>43556</v>
      </c>
      <c r="B910" s="5" t="s">
        <v>8</v>
      </c>
      <c r="C910" s="5" t="s">
        <v>2224</v>
      </c>
      <c r="D910" s="6" t="s">
        <v>2226</v>
      </c>
      <c r="E910" s="5" t="s">
        <v>1216</v>
      </c>
      <c r="F910" s="7">
        <v>42350</v>
      </c>
      <c r="G910" s="5" t="s">
        <v>2227</v>
      </c>
      <c r="H910" s="6" t="s">
        <v>2228</v>
      </c>
      <c r="I910" s="8">
        <v>43741</v>
      </c>
    </row>
    <row r="911" spans="1:9" ht="24" x14ac:dyDescent="0.2">
      <c r="A911" s="4">
        <v>43556</v>
      </c>
      <c r="B911" s="5" t="s">
        <v>8</v>
      </c>
      <c r="C911" s="5" t="s">
        <v>2224</v>
      </c>
      <c r="D911" s="6" t="s">
        <v>2229</v>
      </c>
      <c r="E911" s="5" t="s">
        <v>735</v>
      </c>
      <c r="F911" s="7">
        <v>73440</v>
      </c>
      <c r="G911" s="5" t="s">
        <v>1711</v>
      </c>
      <c r="H911" s="6" t="s">
        <v>1712</v>
      </c>
      <c r="I911" s="8">
        <v>43745</v>
      </c>
    </row>
    <row r="912" spans="1:9" ht="24" x14ac:dyDescent="0.2">
      <c r="A912" s="4">
        <v>43556</v>
      </c>
      <c r="B912" s="5" t="s">
        <v>8</v>
      </c>
      <c r="C912" s="5" t="s">
        <v>2224</v>
      </c>
      <c r="D912" s="6" t="s">
        <v>2230</v>
      </c>
      <c r="E912" s="5" t="s">
        <v>2231</v>
      </c>
      <c r="F912" s="7">
        <v>858</v>
      </c>
      <c r="G912" s="5" t="s">
        <v>2232</v>
      </c>
      <c r="H912" s="6" t="s">
        <v>2233</v>
      </c>
      <c r="I912" s="8">
        <v>43747</v>
      </c>
    </row>
    <row r="913" spans="1:9" ht="24" x14ac:dyDescent="0.2">
      <c r="A913" s="4">
        <v>43556</v>
      </c>
      <c r="B913" s="5" t="s">
        <v>8</v>
      </c>
      <c r="C913" s="5" t="s">
        <v>2224</v>
      </c>
      <c r="D913" s="6" t="s">
        <v>2234</v>
      </c>
      <c r="E913" s="5" t="s">
        <v>2235</v>
      </c>
      <c r="F913" s="7">
        <v>163754</v>
      </c>
      <c r="G913" s="5" t="s">
        <v>1711</v>
      </c>
      <c r="H913" s="6" t="s">
        <v>1712</v>
      </c>
      <c r="I913" s="8">
        <v>43754</v>
      </c>
    </row>
    <row r="914" spans="1:9" ht="24" x14ac:dyDescent="0.2">
      <c r="A914" s="4">
        <v>43556</v>
      </c>
      <c r="B914" s="5" t="s">
        <v>8</v>
      </c>
      <c r="C914" s="5" t="s">
        <v>2224</v>
      </c>
      <c r="D914" s="6" t="s">
        <v>2236</v>
      </c>
      <c r="E914" s="5" t="s">
        <v>2237</v>
      </c>
      <c r="F914" s="7">
        <v>44825</v>
      </c>
      <c r="G914" s="5" t="s">
        <v>2238</v>
      </c>
      <c r="H914" s="6" t="s">
        <v>207</v>
      </c>
      <c r="I914" s="8">
        <v>43766</v>
      </c>
    </row>
    <row r="915" spans="1:9" ht="24" x14ac:dyDescent="0.2">
      <c r="A915" s="4">
        <v>43556</v>
      </c>
      <c r="B915" s="5" t="s">
        <v>8</v>
      </c>
      <c r="C915" s="5" t="s">
        <v>2224</v>
      </c>
      <c r="D915" s="6" t="s">
        <v>2239</v>
      </c>
      <c r="E915" s="5" t="s">
        <v>814</v>
      </c>
      <c r="F915" s="7">
        <v>77000</v>
      </c>
      <c r="G915" s="5" t="s">
        <v>1738</v>
      </c>
      <c r="H915" s="6" t="s">
        <v>1739</v>
      </c>
      <c r="I915" s="8">
        <v>43780</v>
      </c>
    </row>
    <row r="916" spans="1:9" ht="24" x14ac:dyDescent="0.2">
      <c r="A916" s="4">
        <v>43556</v>
      </c>
      <c r="B916" s="5" t="s">
        <v>8</v>
      </c>
      <c r="C916" s="5" t="s">
        <v>2224</v>
      </c>
      <c r="D916" s="6" t="s">
        <v>2240</v>
      </c>
      <c r="E916" s="5" t="s">
        <v>2241</v>
      </c>
      <c r="F916" s="7">
        <v>186705</v>
      </c>
      <c r="G916" s="5" t="s">
        <v>2227</v>
      </c>
      <c r="H916" s="6" t="s">
        <v>2228</v>
      </c>
      <c r="I916" s="8">
        <v>43780</v>
      </c>
    </row>
    <row r="917" spans="1:9" ht="24" x14ac:dyDescent="0.2">
      <c r="A917" s="4">
        <v>43556</v>
      </c>
      <c r="B917" s="5" t="s">
        <v>8</v>
      </c>
      <c r="C917" s="5" t="s">
        <v>2224</v>
      </c>
      <c r="D917" s="6" t="s">
        <v>2242</v>
      </c>
      <c r="E917" s="5" t="s">
        <v>2243</v>
      </c>
      <c r="F917" s="7">
        <v>44000</v>
      </c>
      <c r="G917" s="5" t="s">
        <v>320</v>
      </c>
      <c r="H917" s="6" t="s">
        <v>321</v>
      </c>
      <c r="I917" s="8">
        <v>43787</v>
      </c>
    </row>
    <row r="918" spans="1:9" ht="24" x14ac:dyDescent="0.2">
      <c r="A918" s="4">
        <v>43556</v>
      </c>
      <c r="B918" s="5" t="s">
        <v>8</v>
      </c>
      <c r="C918" s="5" t="s">
        <v>2224</v>
      </c>
      <c r="D918" s="6" t="s">
        <v>2244</v>
      </c>
      <c r="E918" s="5" t="s">
        <v>669</v>
      </c>
      <c r="F918" s="7">
        <v>49940</v>
      </c>
      <c r="G918" s="5" t="s">
        <v>2238</v>
      </c>
      <c r="H918" s="6" t="s">
        <v>207</v>
      </c>
      <c r="I918" s="8">
        <v>43795</v>
      </c>
    </row>
    <row r="919" spans="1:9" ht="24" x14ac:dyDescent="0.2">
      <c r="A919" s="4">
        <v>43556</v>
      </c>
      <c r="B919" s="5" t="s">
        <v>8</v>
      </c>
      <c r="C919" s="5" t="s">
        <v>2224</v>
      </c>
      <c r="D919" s="6" t="s">
        <v>2245</v>
      </c>
      <c r="E919" s="5" t="s">
        <v>2241</v>
      </c>
      <c r="F919" s="7">
        <v>143227</v>
      </c>
      <c r="G919" s="5" t="s">
        <v>2246</v>
      </c>
      <c r="H919" s="6" t="s">
        <v>2247</v>
      </c>
      <c r="I919" s="8">
        <v>43804</v>
      </c>
    </row>
    <row r="920" spans="1:9" ht="24" x14ac:dyDescent="0.2">
      <c r="A920" s="4">
        <v>43556</v>
      </c>
      <c r="B920" s="5" t="s">
        <v>8</v>
      </c>
      <c r="C920" s="5" t="s">
        <v>2224</v>
      </c>
      <c r="D920" s="6" t="s">
        <v>2248</v>
      </c>
      <c r="E920" s="5" t="s">
        <v>1560</v>
      </c>
      <c r="F920" s="7">
        <v>77000</v>
      </c>
      <c r="G920" s="5" t="s">
        <v>1738</v>
      </c>
      <c r="H920" s="6" t="s">
        <v>1739</v>
      </c>
      <c r="I920" s="8">
        <v>43810</v>
      </c>
    </row>
    <row r="921" spans="1:9" ht="24" x14ac:dyDescent="0.2">
      <c r="A921" s="4">
        <v>43556</v>
      </c>
      <c r="B921" s="5" t="s">
        <v>8</v>
      </c>
      <c r="C921" s="5" t="s">
        <v>2224</v>
      </c>
      <c r="D921" s="6" t="s">
        <v>2249</v>
      </c>
      <c r="E921" s="5" t="s">
        <v>2250</v>
      </c>
      <c r="F921" s="7">
        <v>19281</v>
      </c>
      <c r="G921" s="5" t="s">
        <v>2251</v>
      </c>
      <c r="H921" s="6" t="s">
        <v>33</v>
      </c>
      <c r="I921" s="8">
        <v>43811</v>
      </c>
    </row>
    <row r="922" spans="1:9" ht="24" x14ac:dyDescent="0.2">
      <c r="A922" s="4">
        <v>43556</v>
      </c>
      <c r="B922" s="5" t="s">
        <v>8</v>
      </c>
      <c r="C922" s="5" t="s">
        <v>2224</v>
      </c>
      <c r="D922" s="6" t="s">
        <v>2252</v>
      </c>
      <c r="E922" s="5" t="s">
        <v>2253</v>
      </c>
      <c r="F922" s="7">
        <v>46200</v>
      </c>
      <c r="G922" s="5" t="s">
        <v>1711</v>
      </c>
      <c r="H922" s="6" t="s">
        <v>1712</v>
      </c>
      <c r="I922" s="8">
        <v>43812</v>
      </c>
    </row>
    <row r="923" spans="1:9" ht="24" x14ac:dyDescent="0.2">
      <c r="A923" s="4">
        <v>43556</v>
      </c>
      <c r="B923" s="5" t="s">
        <v>8</v>
      </c>
      <c r="C923" s="5" t="s">
        <v>2224</v>
      </c>
      <c r="D923" s="6" t="s">
        <v>2254</v>
      </c>
      <c r="E923" s="5" t="s">
        <v>2255</v>
      </c>
      <c r="F923" s="7">
        <v>20900</v>
      </c>
      <c r="G923" s="5" t="s">
        <v>2256</v>
      </c>
      <c r="H923" s="6" t="s">
        <v>33</v>
      </c>
      <c r="I923" s="8">
        <v>43812</v>
      </c>
    </row>
    <row r="924" spans="1:9" ht="24" x14ac:dyDescent="0.2">
      <c r="A924" s="4">
        <v>43556</v>
      </c>
      <c r="B924" s="5" t="s">
        <v>8</v>
      </c>
      <c r="C924" s="5" t="s">
        <v>2224</v>
      </c>
      <c r="D924" s="6" t="s">
        <v>2257</v>
      </c>
      <c r="E924" s="5" t="s">
        <v>1216</v>
      </c>
      <c r="F924" s="7">
        <v>42350</v>
      </c>
      <c r="G924" s="5" t="s">
        <v>2227</v>
      </c>
      <c r="H924" s="6" t="s">
        <v>2228</v>
      </c>
      <c r="I924" s="8">
        <v>43822</v>
      </c>
    </row>
    <row r="925" spans="1:9" ht="24" x14ac:dyDescent="0.2">
      <c r="A925" s="4">
        <v>43556</v>
      </c>
      <c r="B925" s="5" t="s">
        <v>8</v>
      </c>
      <c r="C925" s="5" t="s">
        <v>2258</v>
      </c>
      <c r="D925" s="6" t="s">
        <v>2259</v>
      </c>
      <c r="E925" s="5" t="s">
        <v>2260</v>
      </c>
      <c r="F925" s="7">
        <v>45813</v>
      </c>
      <c r="G925" s="5" t="s">
        <v>2117</v>
      </c>
      <c r="H925" s="6" t="s">
        <v>2118</v>
      </c>
      <c r="I925" s="8">
        <v>43740</v>
      </c>
    </row>
    <row r="926" spans="1:9" ht="24" x14ac:dyDescent="0.2">
      <c r="A926" s="4">
        <v>43556</v>
      </c>
      <c r="B926" s="5" t="s">
        <v>8</v>
      </c>
      <c r="C926" s="5" t="s">
        <v>2258</v>
      </c>
      <c r="D926" s="6" t="s">
        <v>2261</v>
      </c>
      <c r="E926" s="5" t="s">
        <v>737</v>
      </c>
      <c r="F926" s="7">
        <v>24300</v>
      </c>
      <c r="G926" s="5" t="s">
        <v>2170</v>
      </c>
      <c r="H926" s="6" t="s">
        <v>2127</v>
      </c>
      <c r="I926" s="8">
        <v>43747</v>
      </c>
    </row>
    <row r="927" spans="1:9" ht="24" x14ac:dyDescent="0.2">
      <c r="A927" s="4">
        <v>43556</v>
      </c>
      <c r="B927" s="5" t="s">
        <v>8</v>
      </c>
      <c r="C927" s="5" t="s">
        <v>2258</v>
      </c>
      <c r="D927" s="6" t="s">
        <v>2262</v>
      </c>
      <c r="E927" s="5" t="s">
        <v>2263</v>
      </c>
      <c r="F927" s="7">
        <v>74228</v>
      </c>
      <c r="G927" s="5" t="s">
        <v>2117</v>
      </c>
      <c r="H927" s="6" t="s">
        <v>2118</v>
      </c>
      <c r="I927" s="8">
        <v>43754</v>
      </c>
    </row>
    <row r="928" spans="1:9" ht="24" x14ac:dyDescent="0.2">
      <c r="A928" s="4">
        <v>43556</v>
      </c>
      <c r="B928" s="5" t="s">
        <v>8</v>
      </c>
      <c r="C928" s="5" t="s">
        <v>2258</v>
      </c>
      <c r="D928" s="6" t="s">
        <v>2264</v>
      </c>
      <c r="E928" s="5" t="s">
        <v>2265</v>
      </c>
      <c r="F928" s="7">
        <v>15543</v>
      </c>
      <c r="G928" s="5" t="s">
        <v>2170</v>
      </c>
      <c r="H928" s="6" t="s">
        <v>2127</v>
      </c>
      <c r="I928" s="8">
        <v>43763</v>
      </c>
    </row>
    <row r="929" spans="1:9" ht="24" x14ac:dyDescent="0.2">
      <c r="A929" s="4">
        <v>43556</v>
      </c>
      <c r="B929" s="5" t="s">
        <v>8</v>
      </c>
      <c r="C929" s="5" t="s">
        <v>2258</v>
      </c>
      <c r="D929" s="6" t="s">
        <v>2266</v>
      </c>
      <c r="E929" s="5" t="s">
        <v>629</v>
      </c>
      <c r="F929" s="7">
        <v>47520</v>
      </c>
      <c r="G929" s="5" t="s">
        <v>2140</v>
      </c>
      <c r="H929" s="6" t="s">
        <v>2141</v>
      </c>
      <c r="I929" s="8">
        <v>43776</v>
      </c>
    </row>
    <row r="930" spans="1:9" ht="24" x14ac:dyDescent="0.2">
      <c r="A930" s="4">
        <v>43556</v>
      </c>
      <c r="B930" s="5" t="s">
        <v>8</v>
      </c>
      <c r="C930" s="5" t="s">
        <v>2258</v>
      </c>
      <c r="D930" s="6" t="s">
        <v>2267</v>
      </c>
      <c r="E930" s="5" t="s">
        <v>1769</v>
      </c>
      <c r="F930" s="7">
        <v>67375</v>
      </c>
      <c r="G930" s="5" t="s">
        <v>2117</v>
      </c>
      <c r="H930" s="6" t="s">
        <v>2118</v>
      </c>
      <c r="I930" s="8">
        <v>43810</v>
      </c>
    </row>
    <row r="931" spans="1:9" ht="24" x14ac:dyDescent="0.2">
      <c r="A931" s="4">
        <v>43556</v>
      </c>
      <c r="B931" s="5" t="s">
        <v>8</v>
      </c>
      <c r="C931" s="5" t="s">
        <v>2258</v>
      </c>
      <c r="D931" s="6" t="s">
        <v>2268</v>
      </c>
      <c r="E931" s="5" t="s">
        <v>2269</v>
      </c>
      <c r="F931" s="7">
        <v>91300</v>
      </c>
      <c r="G931" s="5" t="s">
        <v>117</v>
      </c>
      <c r="H931" s="6" t="s">
        <v>118</v>
      </c>
      <c r="I931" s="8">
        <v>43812</v>
      </c>
    </row>
    <row r="932" spans="1:9" x14ac:dyDescent="0.2">
      <c r="A932" s="4">
        <v>43556</v>
      </c>
      <c r="B932" s="5" t="s">
        <v>8</v>
      </c>
      <c r="C932" s="5" t="s">
        <v>2258</v>
      </c>
      <c r="D932" s="6" t="s">
        <v>2270</v>
      </c>
      <c r="E932" s="5" t="s">
        <v>428</v>
      </c>
      <c r="F932" s="7">
        <v>42302</v>
      </c>
      <c r="G932" s="5" t="s">
        <v>2271</v>
      </c>
      <c r="H932" s="6" t="s">
        <v>33</v>
      </c>
      <c r="I932" s="8">
        <v>43812</v>
      </c>
    </row>
    <row r="933" spans="1:9" ht="24" x14ac:dyDescent="0.2">
      <c r="A933" s="4">
        <v>43556</v>
      </c>
      <c r="B933" s="5" t="s">
        <v>8</v>
      </c>
      <c r="C933" s="5" t="s">
        <v>2258</v>
      </c>
      <c r="D933" s="6" t="s">
        <v>2272</v>
      </c>
      <c r="E933" s="5" t="s">
        <v>1479</v>
      </c>
      <c r="F933" s="7">
        <v>18260</v>
      </c>
      <c r="G933" s="5" t="s">
        <v>2273</v>
      </c>
      <c r="H933" s="6" t="s">
        <v>2274</v>
      </c>
      <c r="I933" s="8">
        <v>43818</v>
      </c>
    </row>
    <row r="934" spans="1:9" ht="24" x14ac:dyDescent="0.2">
      <c r="A934" s="4">
        <v>43556</v>
      </c>
      <c r="B934" s="5" t="s">
        <v>8</v>
      </c>
      <c r="C934" s="5" t="s">
        <v>2275</v>
      </c>
      <c r="D934" s="6" t="s">
        <v>2276</v>
      </c>
      <c r="E934" s="5" t="s">
        <v>2277</v>
      </c>
      <c r="F934" s="7">
        <v>48686</v>
      </c>
      <c r="G934" s="5" t="s">
        <v>71</v>
      </c>
      <c r="H934" s="6" t="s">
        <v>72</v>
      </c>
      <c r="I934" s="8">
        <v>43747</v>
      </c>
    </row>
    <row r="935" spans="1:9" ht="24" x14ac:dyDescent="0.2">
      <c r="A935" s="4">
        <v>43556</v>
      </c>
      <c r="B935" s="5" t="s">
        <v>8</v>
      </c>
      <c r="C935" s="5" t="s">
        <v>2275</v>
      </c>
      <c r="D935" s="6" t="s">
        <v>2278</v>
      </c>
      <c r="E935" s="5" t="s">
        <v>883</v>
      </c>
      <c r="F935" s="7">
        <v>18630</v>
      </c>
      <c r="G935" s="5" t="s">
        <v>264</v>
      </c>
      <c r="H935" s="6" t="s">
        <v>265</v>
      </c>
      <c r="I935" s="8">
        <v>43748</v>
      </c>
    </row>
    <row r="936" spans="1:9" ht="24" x14ac:dyDescent="0.2">
      <c r="A936" s="4">
        <v>43556</v>
      </c>
      <c r="B936" s="5" t="s">
        <v>8</v>
      </c>
      <c r="C936" s="5" t="s">
        <v>2275</v>
      </c>
      <c r="D936" s="6" t="s">
        <v>2279</v>
      </c>
      <c r="E936" s="5" t="s">
        <v>2280</v>
      </c>
      <c r="F936" s="7">
        <v>190927</v>
      </c>
      <c r="G936" s="5" t="s">
        <v>1366</v>
      </c>
      <c r="H936" s="6" t="s">
        <v>1367</v>
      </c>
      <c r="I936" s="8">
        <v>43748</v>
      </c>
    </row>
    <row r="937" spans="1:9" ht="24" x14ac:dyDescent="0.2">
      <c r="A937" s="4">
        <v>43556</v>
      </c>
      <c r="B937" s="5" t="s">
        <v>8</v>
      </c>
      <c r="C937" s="5" t="s">
        <v>2275</v>
      </c>
      <c r="D937" s="6" t="s">
        <v>2281</v>
      </c>
      <c r="E937" s="5" t="s">
        <v>879</v>
      </c>
      <c r="F937" s="7">
        <v>26978</v>
      </c>
      <c r="G937" s="5" t="s">
        <v>1366</v>
      </c>
      <c r="H937" s="6" t="s">
        <v>1367</v>
      </c>
      <c r="I937" s="8">
        <v>43748</v>
      </c>
    </row>
    <row r="938" spans="1:9" ht="24" x14ac:dyDescent="0.2">
      <c r="A938" s="4">
        <v>43556</v>
      </c>
      <c r="B938" s="5" t="s">
        <v>8</v>
      </c>
      <c r="C938" s="5" t="s">
        <v>2275</v>
      </c>
      <c r="D938" s="6" t="s">
        <v>2282</v>
      </c>
      <c r="E938" s="5" t="s">
        <v>2283</v>
      </c>
      <c r="F938" s="7">
        <v>41061</v>
      </c>
      <c r="G938" s="5" t="s">
        <v>1035</v>
      </c>
      <c r="H938" s="6" t="s">
        <v>1036</v>
      </c>
      <c r="I938" s="8">
        <v>43767</v>
      </c>
    </row>
    <row r="939" spans="1:9" ht="24" x14ac:dyDescent="0.2">
      <c r="A939" s="4">
        <v>43556</v>
      </c>
      <c r="B939" s="5" t="s">
        <v>8</v>
      </c>
      <c r="C939" s="5" t="s">
        <v>2275</v>
      </c>
      <c r="D939" s="6" t="s">
        <v>2284</v>
      </c>
      <c r="E939" s="5" t="s">
        <v>2285</v>
      </c>
      <c r="F939" s="7">
        <v>278446</v>
      </c>
      <c r="G939" s="5" t="s">
        <v>1366</v>
      </c>
      <c r="H939" s="6" t="s">
        <v>1367</v>
      </c>
      <c r="I939" s="8">
        <v>43782</v>
      </c>
    </row>
    <row r="940" spans="1:9" ht="24" x14ac:dyDescent="0.2">
      <c r="A940" s="4">
        <v>43556</v>
      </c>
      <c r="B940" s="5" t="s">
        <v>8</v>
      </c>
      <c r="C940" s="5" t="s">
        <v>2275</v>
      </c>
      <c r="D940" s="6" t="s">
        <v>2286</v>
      </c>
      <c r="E940" s="5" t="s">
        <v>2287</v>
      </c>
      <c r="F940" s="7">
        <v>70720</v>
      </c>
      <c r="G940" s="5" t="s">
        <v>1366</v>
      </c>
      <c r="H940" s="6" t="s">
        <v>1367</v>
      </c>
      <c r="I940" s="8">
        <v>43782</v>
      </c>
    </row>
    <row r="941" spans="1:9" ht="24" x14ac:dyDescent="0.2">
      <c r="A941" s="4">
        <v>43556</v>
      </c>
      <c r="B941" s="5" t="s">
        <v>8</v>
      </c>
      <c r="C941" s="5" t="s">
        <v>2275</v>
      </c>
      <c r="D941" s="6" t="s">
        <v>2288</v>
      </c>
      <c r="E941" s="5" t="s">
        <v>2289</v>
      </c>
      <c r="F941" s="7">
        <v>7238</v>
      </c>
      <c r="G941" s="5" t="s">
        <v>2290</v>
      </c>
      <c r="H941" s="6" t="s">
        <v>215</v>
      </c>
      <c r="I941" s="8">
        <v>43783</v>
      </c>
    </row>
    <row r="942" spans="1:9" ht="24" x14ac:dyDescent="0.2">
      <c r="A942" s="4">
        <v>43556</v>
      </c>
      <c r="B942" s="5" t="s">
        <v>8</v>
      </c>
      <c r="C942" s="5" t="s">
        <v>2275</v>
      </c>
      <c r="D942" s="6" t="s">
        <v>2291</v>
      </c>
      <c r="E942" s="5" t="s">
        <v>2292</v>
      </c>
      <c r="F942" s="7">
        <v>181104</v>
      </c>
      <c r="G942" s="5" t="s">
        <v>71</v>
      </c>
      <c r="H942" s="6" t="s">
        <v>72</v>
      </c>
      <c r="I942" s="8">
        <v>43783</v>
      </c>
    </row>
    <row r="943" spans="1:9" ht="24" x14ac:dyDescent="0.2">
      <c r="A943" s="4">
        <v>43556</v>
      </c>
      <c r="B943" s="5" t="s">
        <v>8</v>
      </c>
      <c r="C943" s="5" t="s">
        <v>2275</v>
      </c>
      <c r="D943" s="6" t="s">
        <v>2293</v>
      </c>
      <c r="E943" s="5" t="s">
        <v>2294</v>
      </c>
      <c r="F943" s="7">
        <v>92400</v>
      </c>
      <c r="G943" s="5" t="s">
        <v>672</v>
      </c>
      <c r="H943" s="6" t="s">
        <v>658</v>
      </c>
      <c r="I943" s="8">
        <v>43791</v>
      </c>
    </row>
    <row r="944" spans="1:9" ht="24" x14ac:dyDescent="0.2">
      <c r="A944" s="4">
        <v>43556</v>
      </c>
      <c r="B944" s="5" t="s">
        <v>8</v>
      </c>
      <c r="C944" s="5" t="s">
        <v>2275</v>
      </c>
      <c r="D944" s="6" t="s">
        <v>2295</v>
      </c>
      <c r="E944" s="5" t="s">
        <v>750</v>
      </c>
      <c r="F944" s="7">
        <v>48807</v>
      </c>
      <c r="G944" s="5" t="s">
        <v>71</v>
      </c>
      <c r="H944" s="6" t="s">
        <v>72</v>
      </c>
      <c r="I944" s="8">
        <v>43810</v>
      </c>
    </row>
    <row r="945" spans="1:9" ht="24" x14ac:dyDescent="0.2">
      <c r="A945" s="4">
        <v>43556</v>
      </c>
      <c r="B945" s="5" t="s">
        <v>8</v>
      </c>
      <c r="C945" s="5" t="s">
        <v>2275</v>
      </c>
      <c r="D945" s="6" t="s">
        <v>2296</v>
      </c>
      <c r="E945" s="5" t="s">
        <v>2297</v>
      </c>
      <c r="F945" s="7">
        <v>170311</v>
      </c>
      <c r="G945" s="5" t="s">
        <v>1366</v>
      </c>
      <c r="H945" s="6" t="s">
        <v>1367</v>
      </c>
      <c r="I945" s="8">
        <v>43817</v>
      </c>
    </row>
    <row r="946" spans="1:9" ht="24" x14ac:dyDescent="0.2">
      <c r="A946" s="4">
        <v>43556</v>
      </c>
      <c r="B946" s="5" t="s">
        <v>8</v>
      </c>
      <c r="C946" s="5" t="s">
        <v>2275</v>
      </c>
      <c r="D946" s="6" t="s">
        <v>2298</v>
      </c>
      <c r="E946" s="5" t="s">
        <v>2299</v>
      </c>
      <c r="F946" s="7">
        <v>68071</v>
      </c>
      <c r="G946" s="5" t="s">
        <v>1366</v>
      </c>
      <c r="H946" s="6" t="s">
        <v>1367</v>
      </c>
      <c r="I946" s="8">
        <v>43817</v>
      </c>
    </row>
    <row r="947" spans="1:9" ht="24" x14ac:dyDescent="0.2">
      <c r="A947" s="4">
        <v>43556</v>
      </c>
      <c r="B947" s="5" t="s">
        <v>8</v>
      </c>
      <c r="C947" s="5" t="s">
        <v>2275</v>
      </c>
      <c r="D947" s="6" t="s">
        <v>2300</v>
      </c>
      <c r="E947" s="5" t="s">
        <v>1286</v>
      </c>
      <c r="F947" s="7">
        <v>9845</v>
      </c>
      <c r="G947" s="5" t="s">
        <v>2290</v>
      </c>
      <c r="H947" s="6" t="s">
        <v>215</v>
      </c>
      <c r="I947" s="8">
        <v>43818</v>
      </c>
    </row>
    <row r="948" spans="1:9" ht="24" x14ac:dyDescent="0.2">
      <c r="A948" s="4">
        <v>43556</v>
      </c>
      <c r="B948" s="5" t="s">
        <v>8</v>
      </c>
      <c r="C948" s="5" t="s">
        <v>2275</v>
      </c>
      <c r="D948" s="6" t="s">
        <v>2301</v>
      </c>
      <c r="E948" s="5" t="s">
        <v>1010</v>
      </c>
      <c r="F948" s="7">
        <v>17325</v>
      </c>
      <c r="G948" s="5" t="s">
        <v>387</v>
      </c>
      <c r="H948" s="6" t="s">
        <v>388</v>
      </c>
      <c r="I948" s="8">
        <v>43818</v>
      </c>
    </row>
    <row r="949" spans="1:9" ht="24" x14ac:dyDescent="0.2">
      <c r="A949" s="4">
        <v>43556</v>
      </c>
      <c r="B949" s="5" t="s">
        <v>8</v>
      </c>
      <c r="C949" s="5" t="s">
        <v>2275</v>
      </c>
      <c r="D949" s="6" t="s">
        <v>2302</v>
      </c>
      <c r="E949" s="5" t="s">
        <v>2303</v>
      </c>
      <c r="F949" s="7">
        <v>25905</v>
      </c>
      <c r="G949" s="5" t="s">
        <v>765</v>
      </c>
      <c r="H949" s="6" t="s">
        <v>510</v>
      </c>
      <c r="I949" s="8">
        <v>43818</v>
      </c>
    </row>
    <row r="950" spans="1:9" ht="24" x14ac:dyDescent="0.2">
      <c r="A950" s="4">
        <v>43556</v>
      </c>
      <c r="B950" s="5" t="s">
        <v>8</v>
      </c>
      <c r="C950" s="5" t="s">
        <v>2275</v>
      </c>
      <c r="D950" s="6" t="s">
        <v>2304</v>
      </c>
      <c r="E950" s="5" t="s">
        <v>2305</v>
      </c>
      <c r="F950" s="7">
        <v>22000</v>
      </c>
      <c r="G950" s="5" t="s">
        <v>53</v>
      </c>
      <c r="H950" s="6" t="s">
        <v>54</v>
      </c>
      <c r="I950" s="8">
        <v>43818</v>
      </c>
    </row>
    <row r="951" spans="1:9" ht="24" x14ac:dyDescent="0.2">
      <c r="A951" s="4">
        <v>43556</v>
      </c>
      <c r="B951" s="5" t="s">
        <v>8</v>
      </c>
      <c r="C951" s="5" t="s">
        <v>2275</v>
      </c>
      <c r="D951" s="6" t="s">
        <v>2306</v>
      </c>
      <c r="E951" s="5" t="s">
        <v>2307</v>
      </c>
      <c r="F951" s="7">
        <v>28821</v>
      </c>
      <c r="G951" s="5" t="s">
        <v>1029</v>
      </c>
      <c r="H951" s="6" t="s">
        <v>1030</v>
      </c>
      <c r="I951" s="8">
        <v>43825</v>
      </c>
    </row>
    <row r="952" spans="1:9" ht="24" x14ac:dyDescent="0.2">
      <c r="A952" s="4">
        <v>43556</v>
      </c>
      <c r="B952" s="5" t="s">
        <v>8</v>
      </c>
      <c r="C952" s="5" t="s">
        <v>2308</v>
      </c>
      <c r="D952" s="6" t="s">
        <v>2309</v>
      </c>
      <c r="E952" s="5" t="s">
        <v>2310</v>
      </c>
      <c r="F952" s="7">
        <v>40247</v>
      </c>
      <c r="G952" s="5" t="s">
        <v>1366</v>
      </c>
      <c r="H952" s="6" t="s">
        <v>1367</v>
      </c>
      <c r="I952" s="8">
        <v>43746</v>
      </c>
    </row>
    <row r="953" spans="1:9" ht="24" x14ac:dyDescent="0.2">
      <c r="A953" s="4">
        <v>43556</v>
      </c>
      <c r="B953" s="5" t="s">
        <v>8</v>
      </c>
      <c r="C953" s="5" t="s">
        <v>2308</v>
      </c>
      <c r="D953" s="6" t="s">
        <v>2311</v>
      </c>
      <c r="E953" s="5" t="s">
        <v>2312</v>
      </c>
      <c r="F953" s="7">
        <v>10044</v>
      </c>
      <c r="G953" s="5" t="s">
        <v>625</v>
      </c>
      <c r="H953" s="6" t="s">
        <v>265</v>
      </c>
      <c r="I953" s="8">
        <v>43748</v>
      </c>
    </row>
    <row r="954" spans="1:9" ht="24" x14ac:dyDescent="0.2">
      <c r="A954" s="4">
        <v>43556</v>
      </c>
      <c r="B954" s="5" t="s">
        <v>8</v>
      </c>
      <c r="C954" s="5" t="s">
        <v>2308</v>
      </c>
      <c r="D954" s="6" t="s">
        <v>2313</v>
      </c>
      <c r="E954" s="5" t="s">
        <v>844</v>
      </c>
      <c r="F954" s="7">
        <v>62294</v>
      </c>
      <c r="G954" s="5" t="s">
        <v>71</v>
      </c>
      <c r="H954" s="6" t="s">
        <v>72</v>
      </c>
      <c r="I954" s="8">
        <v>43748</v>
      </c>
    </row>
    <row r="955" spans="1:9" ht="24" x14ac:dyDescent="0.2">
      <c r="A955" s="4">
        <v>43556</v>
      </c>
      <c r="B955" s="5" t="s">
        <v>8</v>
      </c>
      <c r="C955" s="5" t="s">
        <v>2308</v>
      </c>
      <c r="D955" s="6" t="s">
        <v>2314</v>
      </c>
      <c r="E955" s="5" t="s">
        <v>2315</v>
      </c>
      <c r="F955" s="7">
        <v>26676</v>
      </c>
      <c r="G955" s="5" t="s">
        <v>2316</v>
      </c>
      <c r="H955" s="6" t="s">
        <v>1036</v>
      </c>
      <c r="I955" s="8">
        <v>43754</v>
      </c>
    </row>
    <row r="956" spans="1:9" ht="24" x14ac:dyDescent="0.2">
      <c r="A956" s="4">
        <v>43556</v>
      </c>
      <c r="B956" s="5" t="s">
        <v>8</v>
      </c>
      <c r="C956" s="5" t="s">
        <v>2308</v>
      </c>
      <c r="D956" s="6" t="s">
        <v>2317</v>
      </c>
      <c r="E956" s="5" t="s">
        <v>2318</v>
      </c>
      <c r="F956" s="7">
        <v>61406</v>
      </c>
      <c r="G956" s="5" t="s">
        <v>1366</v>
      </c>
      <c r="H956" s="6" t="s">
        <v>1367</v>
      </c>
      <c r="I956" s="8">
        <v>43762</v>
      </c>
    </row>
    <row r="957" spans="1:9" ht="24" x14ac:dyDescent="0.2">
      <c r="A957" s="4">
        <v>43556</v>
      </c>
      <c r="B957" s="5" t="s">
        <v>8</v>
      </c>
      <c r="C957" s="5" t="s">
        <v>2308</v>
      </c>
      <c r="D957" s="6" t="s">
        <v>2319</v>
      </c>
      <c r="E957" s="5" t="s">
        <v>2320</v>
      </c>
      <c r="F957" s="7">
        <v>78970</v>
      </c>
      <c r="G957" s="5" t="s">
        <v>1366</v>
      </c>
      <c r="H957" s="6" t="s">
        <v>1367</v>
      </c>
      <c r="I957" s="8">
        <v>43762</v>
      </c>
    </row>
    <row r="958" spans="1:9" ht="24" x14ac:dyDescent="0.2">
      <c r="A958" s="4">
        <v>43556</v>
      </c>
      <c r="B958" s="5" t="s">
        <v>8</v>
      </c>
      <c r="C958" s="5" t="s">
        <v>2308</v>
      </c>
      <c r="D958" s="6" t="s">
        <v>2321</v>
      </c>
      <c r="E958" s="5" t="s">
        <v>1199</v>
      </c>
      <c r="F958" s="7">
        <v>10890</v>
      </c>
      <c r="G958" s="5" t="s">
        <v>625</v>
      </c>
      <c r="H958" s="6" t="s">
        <v>265</v>
      </c>
      <c r="I958" s="8">
        <v>43782</v>
      </c>
    </row>
    <row r="959" spans="1:9" ht="24" x14ac:dyDescent="0.2">
      <c r="A959" s="4">
        <v>43556</v>
      </c>
      <c r="B959" s="5" t="s">
        <v>8</v>
      </c>
      <c r="C959" s="5" t="s">
        <v>2308</v>
      </c>
      <c r="D959" s="6" t="s">
        <v>2322</v>
      </c>
      <c r="E959" s="5" t="s">
        <v>2323</v>
      </c>
      <c r="F959" s="7">
        <v>52041</v>
      </c>
      <c r="G959" s="5" t="s">
        <v>71</v>
      </c>
      <c r="H959" s="6" t="s">
        <v>72</v>
      </c>
      <c r="I959" s="8">
        <v>43782</v>
      </c>
    </row>
    <row r="960" spans="1:9" ht="24" x14ac:dyDescent="0.2">
      <c r="A960" s="4">
        <v>43556</v>
      </c>
      <c r="B960" s="5" t="s">
        <v>8</v>
      </c>
      <c r="C960" s="5" t="s">
        <v>2308</v>
      </c>
      <c r="D960" s="6" t="s">
        <v>2324</v>
      </c>
      <c r="E960" s="5" t="s">
        <v>2325</v>
      </c>
      <c r="F960" s="7">
        <v>41250</v>
      </c>
      <c r="G960" s="5" t="s">
        <v>2316</v>
      </c>
      <c r="H960" s="6" t="s">
        <v>1036</v>
      </c>
      <c r="I960" s="8">
        <v>43784</v>
      </c>
    </row>
    <row r="961" spans="1:9" ht="24" x14ac:dyDescent="0.2">
      <c r="A961" s="4">
        <v>43556</v>
      </c>
      <c r="B961" s="5" t="s">
        <v>8</v>
      </c>
      <c r="C961" s="5" t="s">
        <v>2308</v>
      </c>
      <c r="D961" s="6" t="s">
        <v>2326</v>
      </c>
      <c r="E961" s="5" t="s">
        <v>2327</v>
      </c>
      <c r="F961" s="7">
        <v>39638</v>
      </c>
      <c r="G961" s="5" t="s">
        <v>1366</v>
      </c>
      <c r="H961" s="6" t="s">
        <v>1367</v>
      </c>
      <c r="I961" s="8">
        <v>43790</v>
      </c>
    </row>
    <row r="962" spans="1:9" ht="24" x14ac:dyDescent="0.2">
      <c r="A962" s="4">
        <v>43556</v>
      </c>
      <c r="B962" s="5" t="s">
        <v>8</v>
      </c>
      <c r="C962" s="5" t="s">
        <v>2308</v>
      </c>
      <c r="D962" s="6" t="s">
        <v>2328</v>
      </c>
      <c r="E962" s="5" t="s">
        <v>2329</v>
      </c>
      <c r="F962" s="7">
        <v>39933</v>
      </c>
      <c r="G962" s="5" t="s">
        <v>1366</v>
      </c>
      <c r="H962" s="6" t="s">
        <v>1367</v>
      </c>
      <c r="I962" s="8">
        <v>43794</v>
      </c>
    </row>
    <row r="963" spans="1:9" ht="24" x14ac:dyDescent="0.2">
      <c r="A963" s="4">
        <v>43556</v>
      </c>
      <c r="B963" s="5" t="s">
        <v>8</v>
      </c>
      <c r="C963" s="5" t="s">
        <v>2308</v>
      </c>
      <c r="D963" s="6" t="s">
        <v>2330</v>
      </c>
      <c r="E963" s="5" t="s">
        <v>2331</v>
      </c>
      <c r="F963" s="7">
        <v>29700</v>
      </c>
      <c r="G963" s="5" t="s">
        <v>2332</v>
      </c>
      <c r="H963" s="6" t="s">
        <v>2333</v>
      </c>
      <c r="I963" s="8">
        <v>43797</v>
      </c>
    </row>
    <row r="964" spans="1:9" ht="24" x14ac:dyDescent="0.2">
      <c r="A964" s="4">
        <v>43556</v>
      </c>
      <c r="B964" s="5" t="s">
        <v>8</v>
      </c>
      <c r="C964" s="5" t="s">
        <v>2308</v>
      </c>
      <c r="D964" s="6" t="s">
        <v>2334</v>
      </c>
      <c r="E964" s="5" t="s">
        <v>652</v>
      </c>
      <c r="F964" s="7">
        <v>10890</v>
      </c>
      <c r="G964" s="5" t="s">
        <v>625</v>
      </c>
      <c r="H964" s="6" t="s">
        <v>265</v>
      </c>
      <c r="I964" s="8">
        <v>43809</v>
      </c>
    </row>
    <row r="965" spans="1:9" ht="24" x14ac:dyDescent="0.2">
      <c r="A965" s="4">
        <v>43556</v>
      </c>
      <c r="B965" s="5" t="s">
        <v>8</v>
      </c>
      <c r="C965" s="5" t="s">
        <v>2308</v>
      </c>
      <c r="D965" s="6" t="s">
        <v>2335</v>
      </c>
      <c r="E965" s="5" t="s">
        <v>1653</v>
      </c>
      <c r="F965" s="7">
        <v>35062</v>
      </c>
      <c r="G965" s="5" t="s">
        <v>71</v>
      </c>
      <c r="H965" s="6" t="s">
        <v>72</v>
      </c>
      <c r="I965" s="8">
        <v>43809</v>
      </c>
    </row>
    <row r="966" spans="1:9" ht="24" x14ac:dyDescent="0.2">
      <c r="A966" s="4">
        <v>43556</v>
      </c>
      <c r="B966" s="5" t="s">
        <v>8</v>
      </c>
      <c r="C966" s="5" t="s">
        <v>2308</v>
      </c>
      <c r="D966" s="6" t="s">
        <v>2336</v>
      </c>
      <c r="E966" s="5" t="s">
        <v>2337</v>
      </c>
      <c r="F966" s="7">
        <v>4950</v>
      </c>
      <c r="G966" s="5" t="s">
        <v>1366</v>
      </c>
      <c r="H966" s="6" t="s">
        <v>1367</v>
      </c>
      <c r="I966" s="8">
        <v>43810</v>
      </c>
    </row>
    <row r="967" spans="1:9" ht="24" x14ac:dyDescent="0.2">
      <c r="A967" s="4">
        <v>43556</v>
      </c>
      <c r="B967" s="5" t="s">
        <v>8</v>
      </c>
      <c r="C967" s="5" t="s">
        <v>2308</v>
      </c>
      <c r="D967" s="6" t="s">
        <v>2338</v>
      </c>
      <c r="E967" s="5" t="s">
        <v>2339</v>
      </c>
      <c r="F967" s="7">
        <v>71500</v>
      </c>
      <c r="G967" s="5" t="s">
        <v>2340</v>
      </c>
      <c r="H967" s="6" t="s">
        <v>207</v>
      </c>
      <c r="I967" s="8">
        <v>43812</v>
      </c>
    </row>
    <row r="968" spans="1:9" ht="24" x14ac:dyDescent="0.2">
      <c r="A968" s="4">
        <v>43556</v>
      </c>
      <c r="B968" s="5" t="s">
        <v>8</v>
      </c>
      <c r="C968" s="5" t="s">
        <v>2308</v>
      </c>
      <c r="D968" s="6" t="s">
        <v>2341</v>
      </c>
      <c r="E968" s="5" t="s">
        <v>2342</v>
      </c>
      <c r="F968" s="7">
        <v>36135</v>
      </c>
      <c r="G968" s="5" t="s">
        <v>2316</v>
      </c>
      <c r="H968" s="6" t="s">
        <v>1036</v>
      </c>
      <c r="I968" s="8">
        <v>43818</v>
      </c>
    </row>
    <row r="969" spans="1:9" ht="24" x14ac:dyDescent="0.2">
      <c r="A969" s="4">
        <v>43556</v>
      </c>
      <c r="B969" s="5" t="s">
        <v>8</v>
      </c>
      <c r="C969" s="5" t="s">
        <v>2308</v>
      </c>
      <c r="D969" s="6" t="s">
        <v>2343</v>
      </c>
      <c r="E969" s="5" t="s">
        <v>2344</v>
      </c>
      <c r="F969" s="7">
        <v>25820</v>
      </c>
      <c r="G969" s="5" t="s">
        <v>1366</v>
      </c>
      <c r="H969" s="6" t="s">
        <v>1367</v>
      </c>
      <c r="I969" s="8">
        <v>43818</v>
      </c>
    </row>
    <row r="970" spans="1:9" ht="24" x14ac:dyDescent="0.2">
      <c r="A970" s="4">
        <v>43556</v>
      </c>
      <c r="B970" s="5" t="s">
        <v>8</v>
      </c>
      <c r="C970" s="5" t="s">
        <v>2308</v>
      </c>
      <c r="D970" s="6" t="s">
        <v>2345</v>
      </c>
      <c r="E970" s="5" t="s">
        <v>903</v>
      </c>
      <c r="F970" s="7">
        <v>35125</v>
      </c>
      <c r="G970" s="5" t="s">
        <v>1366</v>
      </c>
      <c r="H970" s="6" t="s">
        <v>1367</v>
      </c>
      <c r="I970" s="8">
        <v>43818</v>
      </c>
    </row>
    <row r="971" spans="1:9" ht="24" x14ac:dyDescent="0.2">
      <c r="A971" s="4">
        <v>43556</v>
      </c>
      <c r="B971" s="5" t="s">
        <v>8</v>
      </c>
      <c r="C971" s="5" t="s">
        <v>2308</v>
      </c>
      <c r="D971" s="6" t="s">
        <v>2346</v>
      </c>
      <c r="E971" s="5" t="s">
        <v>861</v>
      </c>
      <c r="F971" s="7">
        <v>29040</v>
      </c>
      <c r="G971" s="5" t="s">
        <v>2347</v>
      </c>
      <c r="H971" s="6" t="s">
        <v>2165</v>
      </c>
      <c r="I971" s="8">
        <v>43824</v>
      </c>
    </row>
    <row r="972" spans="1:9" ht="24" x14ac:dyDescent="0.2">
      <c r="A972" s="4">
        <v>43556</v>
      </c>
      <c r="B972" s="5" t="s">
        <v>8</v>
      </c>
      <c r="C972" s="5" t="s">
        <v>2308</v>
      </c>
      <c r="D972" s="6" t="s">
        <v>2348</v>
      </c>
      <c r="E972" s="5" t="s">
        <v>2349</v>
      </c>
      <c r="F972" s="7">
        <v>12848</v>
      </c>
      <c r="G972" s="5" t="s">
        <v>117</v>
      </c>
      <c r="H972" s="6" t="s">
        <v>118</v>
      </c>
      <c r="I972" s="8">
        <v>43824</v>
      </c>
    </row>
    <row r="973" spans="1:9" ht="24" x14ac:dyDescent="0.2">
      <c r="A973" s="4">
        <v>43556</v>
      </c>
      <c r="B973" s="5" t="s">
        <v>8</v>
      </c>
      <c r="C973" s="5" t="s">
        <v>2350</v>
      </c>
      <c r="D973" s="6" t="s">
        <v>2351</v>
      </c>
      <c r="E973" s="5" t="s">
        <v>2352</v>
      </c>
      <c r="F973" s="7">
        <v>47468</v>
      </c>
      <c r="G973" s="5" t="s">
        <v>452</v>
      </c>
      <c r="H973" s="6" t="s">
        <v>453</v>
      </c>
      <c r="I973" s="8">
        <v>43739</v>
      </c>
    </row>
    <row r="974" spans="1:9" ht="24" x14ac:dyDescent="0.2">
      <c r="A974" s="4">
        <v>43556</v>
      </c>
      <c r="B974" s="5" t="s">
        <v>8</v>
      </c>
      <c r="C974" s="5" t="s">
        <v>2350</v>
      </c>
      <c r="D974" s="6" t="s">
        <v>2353</v>
      </c>
      <c r="E974" s="5" t="s">
        <v>2354</v>
      </c>
      <c r="F974" s="7">
        <v>6270</v>
      </c>
      <c r="G974" s="5" t="s">
        <v>2355</v>
      </c>
      <c r="H974" s="6" t="s">
        <v>2356</v>
      </c>
      <c r="I974" s="8">
        <v>43742</v>
      </c>
    </row>
    <row r="975" spans="1:9" ht="24" x14ac:dyDescent="0.2">
      <c r="A975" s="4">
        <v>43556</v>
      </c>
      <c r="B975" s="5" t="s">
        <v>8</v>
      </c>
      <c r="C975" s="5" t="s">
        <v>2350</v>
      </c>
      <c r="D975" s="6" t="s">
        <v>2357</v>
      </c>
      <c r="E975" s="5" t="s">
        <v>2358</v>
      </c>
      <c r="F975" s="7">
        <v>131826</v>
      </c>
      <c r="G975" s="5" t="s">
        <v>36</v>
      </c>
      <c r="H975" s="6" t="s">
        <v>37</v>
      </c>
      <c r="I975" s="8">
        <v>43742</v>
      </c>
    </row>
    <row r="976" spans="1:9" ht="24" x14ac:dyDescent="0.2">
      <c r="A976" s="4">
        <v>43556</v>
      </c>
      <c r="B976" s="5" t="s">
        <v>8</v>
      </c>
      <c r="C976" s="5" t="s">
        <v>2350</v>
      </c>
      <c r="D976" s="6" t="s">
        <v>2359</v>
      </c>
      <c r="E976" s="5" t="s">
        <v>2360</v>
      </c>
      <c r="F976" s="7">
        <v>128624</v>
      </c>
      <c r="G976" s="5" t="s">
        <v>224</v>
      </c>
      <c r="H976" s="6" t="s">
        <v>225</v>
      </c>
      <c r="I976" s="8">
        <v>43748</v>
      </c>
    </row>
    <row r="977" spans="1:9" ht="24" x14ac:dyDescent="0.2">
      <c r="A977" s="4">
        <v>43556</v>
      </c>
      <c r="B977" s="5" t="s">
        <v>8</v>
      </c>
      <c r="C977" s="5" t="s">
        <v>2350</v>
      </c>
      <c r="D977" s="6" t="s">
        <v>2361</v>
      </c>
      <c r="E977" s="5" t="s">
        <v>2362</v>
      </c>
      <c r="F977" s="7">
        <v>36740</v>
      </c>
      <c r="G977" s="5" t="s">
        <v>642</v>
      </c>
      <c r="H977" s="6" t="s">
        <v>58</v>
      </c>
      <c r="I977" s="8">
        <v>43761</v>
      </c>
    </row>
    <row r="978" spans="1:9" x14ac:dyDescent="0.2">
      <c r="A978" s="4">
        <v>43556</v>
      </c>
      <c r="B978" s="5" t="s">
        <v>8</v>
      </c>
      <c r="C978" s="5" t="s">
        <v>2350</v>
      </c>
      <c r="D978" s="6" t="s">
        <v>2363</v>
      </c>
      <c r="E978" s="5" t="s">
        <v>2364</v>
      </c>
      <c r="F978" s="7">
        <v>49995</v>
      </c>
      <c r="G978" s="5" t="s">
        <v>173</v>
      </c>
      <c r="H978" s="6" t="s">
        <v>33</v>
      </c>
      <c r="I978" s="8">
        <v>43761</v>
      </c>
    </row>
    <row r="979" spans="1:9" ht="24" x14ac:dyDescent="0.2">
      <c r="A979" s="4">
        <v>43556</v>
      </c>
      <c r="B979" s="5" t="s">
        <v>8</v>
      </c>
      <c r="C979" s="5" t="s">
        <v>2350</v>
      </c>
      <c r="D979" s="6" t="s">
        <v>2365</v>
      </c>
      <c r="E979" s="5" t="s">
        <v>2366</v>
      </c>
      <c r="F979" s="7">
        <v>10483</v>
      </c>
      <c r="G979" s="5" t="s">
        <v>509</v>
      </c>
      <c r="H979" s="6" t="s">
        <v>510</v>
      </c>
      <c r="I979" s="8">
        <v>43761</v>
      </c>
    </row>
    <row r="980" spans="1:9" ht="24" x14ac:dyDescent="0.2">
      <c r="A980" s="4">
        <v>43556</v>
      </c>
      <c r="B980" s="5" t="s">
        <v>8</v>
      </c>
      <c r="C980" s="5" t="s">
        <v>2350</v>
      </c>
      <c r="D980" s="6" t="s">
        <v>2367</v>
      </c>
      <c r="E980" s="5" t="s">
        <v>2368</v>
      </c>
      <c r="F980" s="7">
        <v>104643</v>
      </c>
      <c r="G980" s="5" t="s">
        <v>36</v>
      </c>
      <c r="H980" s="6" t="s">
        <v>37</v>
      </c>
      <c r="I980" s="8">
        <v>43776</v>
      </c>
    </row>
    <row r="981" spans="1:9" ht="24" x14ac:dyDescent="0.2">
      <c r="A981" s="4">
        <v>43556</v>
      </c>
      <c r="B981" s="5" t="s">
        <v>8</v>
      </c>
      <c r="C981" s="5" t="s">
        <v>2350</v>
      </c>
      <c r="D981" s="6" t="s">
        <v>2369</v>
      </c>
      <c r="E981" s="5" t="s">
        <v>1145</v>
      </c>
      <c r="F981" s="7">
        <v>38940</v>
      </c>
      <c r="G981" s="5" t="s">
        <v>264</v>
      </c>
      <c r="H981" s="6" t="s">
        <v>265</v>
      </c>
      <c r="I981" s="8">
        <v>43780</v>
      </c>
    </row>
    <row r="982" spans="1:9" ht="24" x14ac:dyDescent="0.2">
      <c r="A982" s="4">
        <v>43556</v>
      </c>
      <c r="B982" s="5" t="s">
        <v>8</v>
      </c>
      <c r="C982" s="5" t="s">
        <v>2350</v>
      </c>
      <c r="D982" s="6" t="s">
        <v>2370</v>
      </c>
      <c r="E982" s="5" t="s">
        <v>2371</v>
      </c>
      <c r="F982" s="7">
        <v>49830</v>
      </c>
      <c r="G982" s="5" t="s">
        <v>642</v>
      </c>
      <c r="H982" s="6" t="s">
        <v>58</v>
      </c>
      <c r="I982" s="8">
        <v>43783</v>
      </c>
    </row>
    <row r="983" spans="1:9" ht="24" x14ac:dyDescent="0.2">
      <c r="A983" s="4">
        <v>43556</v>
      </c>
      <c r="B983" s="5" t="s">
        <v>8</v>
      </c>
      <c r="C983" s="5" t="s">
        <v>2350</v>
      </c>
      <c r="D983" s="6" t="s">
        <v>2372</v>
      </c>
      <c r="E983" s="5" t="s">
        <v>2373</v>
      </c>
      <c r="F983" s="7">
        <v>19635</v>
      </c>
      <c r="G983" s="5" t="s">
        <v>509</v>
      </c>
      <c r="H983" s="6" t="s">
        <v>510</v>
      </c>
      <c r="I983" s="8">
        <v>43783</v>
      </c>
    </row>
    <row r="984" spans="1:9" ht="24" x14ac:dyDescent="0.2">
      <c r="A984" s="4">
        <v>43556</v>
      </c>
      <c r="B984" s="5" t="s">
        <v>8</v>
      </c>
      <c r="C984" s="5" t="s">
        <v>2350</v>
      </c>
      <c r="D984" s="6" t="s">
        <v>2374</v>
      </c>
      <c r="E984" s="5" t="s">
        <v>1929</v>
      </c>
      <c r="F984" s="7">
        <v>97278</v>
      </c>
      <c r="G984" s="5" t="s">
        <v>224</v>
      </c>
      <c r="H984" s="6" t="s">
        <v>225</v>
      </c>
      <c r="I984" s="8">
        <v>43783</v>
      </c>
    </row>
    <row r="985" spans="1:9" ht="24" x14ac:dyDescent="0.2">
      <c r="A985" s="4">
        <v>43556</v>
      </c>
      <c r="B985" s="5" t="s">
        <v>8</v>
      </c>
      <c r="C985" s="5" t="s">
        <v>2350</v>
      </c>
      <c r="D985" s="6" t="s">
        <v>2375</v>
      </c>
      <c r="E985" s="5" t="s">
        <v>2376</v>
      </c>
      <c r="F985" s="7">
        <v>99000</v>
      </c>
      <c r="G985" s="5" t="s">
        <v>672</v>
      </c>
      <c r="H985" s="6" t="s">
        <v>658</v>
      </c>
      <c r="I985" s="8">
        <v>43798</v>
      </c>
    </row>
    <row r="986" spans="1:9" ht="24" x14ac:dyDescent="0.2">
      <c r="A986" s="4">
        <v>43556</v>
      </c>
      <c r="B986" s="5" t="s">
        <v>8</v>
      </c>
      <c r="C986" s="5" t="s">
        <v>2350</v>
      </c>
      <c r="D986" s="6" t="s">
        <v>2377</v>
      </c>
      <c r="E986" s="5" t="s">
        <v>2039</v>
      </c>
      <c r="F986" s="7">
        <v>127629</v>
      </c>
      <c r="G986" s="5" t="s">
        <v>774</v>
      </c>
      <c r="H986" s="6" t="s">
        <v>775</v>
      </c>
      <c r="I986" s="8">
        <v>43803</v>
      </c>
    </row>
    <row r="987" spans="1:9" ht="24" x14ac:dyDescent="0.2">
      <c r="A987" s="4">
        <v>43556</v>
      </c>
      <c r="B987" s="5" t="s">
        <v>8</v>
      </c>
      <c r="C987" s="5" t="s">
        <v>2350</v>
      </c>
      <c r="D987" s="6" t="s">
        <v>2378</v>
      </c>
      <c r="E987" s="5" t="s">
        <v>2379</v>
      </c>
      <c r="F987" s="7">
        <v>27500</v>
      </c>
      <c r="G987" s="5" t="s">
        <v>2380</v>
      </c>
      <c r="H987" s="6" t="s">
        <v>2381</v>
      </c>
      <c r="I987" s="8">
        <v>43803</v>
      </c>
    </row>
    <row r="988" spans="1:9" ht="24" x14ac:dyDescent="0.2">
      <c r="A988" s="4">
        <v>43556</v>
      </c>
      <c r="B988" s="5" t="s">
        <v>8</v>
      </c>
      <c r="C988" s="5" t="s">
        <v>2350</v>
      </c>
      <c r="D988" s="6" t="s">
        <v>2382</v>
      </c>
      <c r="E988" s="5" t="s">
        <v>2383</v>
      </c>
      <c r="F988" s="7">
        <v>49500</v>
      </c>
      <c r="G988" s="5" t="s">
        <v>672</v>
      </c>
      <c r="H988" s="6" t="s">
        <v>658</v>
      </c>
      <c r="I988" s="8">
        <v>43812</v>
      </c>
    </row>
    <row r="989" spans="1:9" ht="24" x14ac:dyDescent="0.2">
      <c r="A989" s="4">
        <v>43556</v>
      </c>
      <c r="B989" s="5" t="s">
        <v>8</v>
      </c>
      <c r="C989" s="5" t="s">
        <v>2350</v>
      </c>
      <c r="D989" s="6" t="s">
        <v>2384</v>
      </c>
      <c r="E989" s="5" t="s">
        <v>2385</v>
      </c>
      <c r="F989" s="7">
        <v>29480</v>
      </c>
      <c r="G989" s="5" t="s">
        <v>642</v>
      </c>
      <c r="H989" s="6" t="s">
        <v>58</v>
      </c>
      <c r="I989" s="8">
        <v>43818</v>
      </c>
    </row>
    <row r="990" spans="1:9" ht="24" x14ac:dyDescent="0.2">
      <c r="A990" s="4">
        <v>43556</v>
      </c>
      <c r="B990" s="5" t="s">
        <v>8</v>
      </c>
      <c r="C990" s="5" t="s">
        <v>2350</v>
      </c>
      <c r="D990" s="6" t="s">
        <v>2386</v>
      </c>
      <c r="E990" s="5" t="s">
        <v>2034</v>
      </c>
      <c r="F990" s="7">
        <v>135300</v>
      </c>
      <c r="G990" s="5" t="s">
        <v>2387</v>
      </c>
      <c r="H990" s="6" t="s">
        <v>2388</v>
      </c>
      <c r="I990" s="8">
        <v>43823</v>
      </c>
    </row>
    <row r="991" spans="1:9" ht="24" x14ac:dyDescent="0.2">
      <c r="A991" s="4">
        <v>43556</v>
      </c>
      <c r="B991" s="5" t="s">
        <v>8</v>
      </c>
      <c r="C991" s="5" t="s">
        <v>2350</v>
      </c>
      <c r="D991" s="6" t="s">
        <v>2389</v>
      </c>
      <c r="E991" s="5" t="s">
        <v>2390</v>
      </c>
      <c r="F991" s="7">
        <v>25850</v>
      </c>
      <c r="G991" s="5" t="s">
        <v>642</v>
      </c>
      <c r="H991" s="6" t="s">
        <v>58</v>
      </c>
      <c r="I991" s="8">
        <v>43823</v>
      </c>
    </row>
    <row r="992" spans="1:9" ht="24" x14ac:dyDescent="0.2">
      <c r="A992" s="4">
        <v>43556</v>
      </c>
      <c r="B992" s="5" t="s">
        <v>8</v>
      </c>
      <c r="C992" s="5" t="s">
        <v>2391</v>
      </c>
      <c r="D992" s="6" t="s">
        <v>2392</v>
      </c>
      <c r="E992" s="5" t="s">
        <v>883</v>
      </c>
      <c r="F992" s="7">
        <v>15552</v>
      </c>
      <c r="G992" s="5" t="s">
        <v>264</v>
      </c>
      <c r="H992" s="6" t="s">
        <v>265</v>
      </c>
      <c r="I992" s="8">
        <v>43746</v>
      </c>
    </row>
    <row r="993" spans="1:9" ht="24" x14ac:dyDescent="0.2">
      <c r="A993" s="4">
        <v>43556</v>
      </c>
      <c r="B993" s="5" t="s">
        <v>8</v>
      </c>
      <c r="C993" s="5" t="s">
        <v>2391</v>
      </c>
      <c r="D993" s="6" t="s">
        <v>2393</v>
      </c>
      <c r="E993" s="5" t="s">
        <v>995</v>
      </c>
      <c r="F993" s="7">
        <v>106586</v>
      </c>
      <c r="G993" s="5" t="s">
        <v>224</v>
      </c>
      <c r="H993" s="6" t="s">
        <v>225</v>
      </c>
      <c r="I993" s="8">
        <v>43747</v>
      </c>
    </row>
    <row r="994" spans="1:9" ht="24" x14ac:dyDescent="0.2">
      <c r="A994" s="4">
        <v>43556</v>
      </c>
      <c r="B994" s="5" t="s">
        <v>8</v>
      </c>
      <c r="C994" s="5" t="s">
        <v>2391</v>
      </c>
      <c r="D994" s="6" t="s">
        <v>2394</v>
      </c>
      <c r="E994" s="5" t="s">
        <v>2395</v>
      </c>
      <c r="F994" s="7">
        <v>880</v>
      </c>
      <c r="G994" s="5" t="s">
        <v>1044</v>
      </c>
      <c r="H994" s="6" t="s">
        <v>637</v>
      </c>
      <c r="I994" s="8">
        <v>43747</v>
      </c>
    </row>
    <row r="995" spans="1:9" ht="24" x14ac:dyDescent="0.2">
      <c r="A995" s="4">
        <v>43556</v>
      </c>
      <c r="B995" s="5" t="s">
        <v>8</v>
      </c>
      <c r="C995" s="5" t="s">
        <v>2391</v>
      </c>
      <c r="D995" s="6" t="s">
        <v>2396</v>
      </c>
      <c r="E995" s="5" t="s">
        <v>2397</v>
      </c>
      <c r="F995" s="7">
        <v>99900</v>
      </c>
      <c r="G995" s="5" t="s">
        <v>1044</v>
      </c>
      <c r="H995" s="6" t="s">
        <v>637</v>
      </c>
      <c r="I995" s="8">
        <v>43788</v>
      </c>
    </row>
    <row r="996" spans="1:9" ht="24" x14ac:dyDescent="0.2">
      <c r="A996" s="4">
        <v>43556</v>
      </c>
      <c r="B996" s="5" t="s">
        <v>8</v>
      </c>
      <c r="C996" s="5" t="s">
        <v>2391</v>
      </c>
      <c r="D996" s="6" t="s">
        <v>2398</v>
      </c>
      <c r="E996" s="5" t="s">
        <v>1205</v>
      </c>
      <c r="F996" s="7">
        <v>77411</v>
      </c>
      <c r="G996" s="5" t="s">
        <v>36</v>
      </c>
      <c r="H996" s="6" t="s">
        <v>37</v>
      </c>
      <c r="I996" s="8">
        <v>43804</v>
      </c>
    </row>
    <row r="997" spans="1:9" ht="24" x14ac:dyDescent="0.2">
      <c r="A997" s="4">
        <v>43556</v>
      </c>
      <c r="B997" s="5" t="s">
        <v>8</v>
      </c>
      <c r="C997" s="5" t="s">
        <v>2391</v>
      </c>
      <c r="D997" s="6" t="s">
        <v>2399</v>
      </c>
      <c r="E997" s="5" t="s">
        <v>652</v>
      </c>
      <c r="F997" s="7">
        <v>15840</v>
      </c>
      <c r="G997" s="5" t="s">
        <v>264</v>
      </c>
      <c r="H997" s="6" t="s">
        <v>265</v>
      </c>
      <c r="I997" s="8">
        <v>43804</v>
      </c>
    </row>
    <row r="998" spans="1:9" ht="24" x14ac:dyDescent="0.2">
      <c r="A998" s="4">
        <v>43556</v>
      </c>
      <c r="B998" s="5" t="s">
        <v>8</v>
      </c>
      <c r="C998" s="5" t="s">
        <v>2391</v>
      </c>
      <c r="D998" s="6" t="s">
        <v>2400</v>
      </c>
      <c r="E998" s="5" t="s">
        <v>2401</v>
      </c>
      <c r="F998" s="7">
        <v>129085</v>
      </c>
      <c r="G998" s="5" t="s">
        <v>57</v>
      </c>
      <c r="H998" s="6" t="s">
        <v>58</v>
      </c>
      <c r="I998" s="8">
        <v>43805</v>
      </c>
    </row>
    <row r="999" spans="1:9" ht="24" x14ac:dyDescent="0.2">
      <c r="A999" s="4">
        <v>43556</v>
      </c>
      <c r="B999" s="5" t="s">
        <v>8</v>
      </c>
      <c r="C999" s="5" t="s">
        <v>2391</v>
      </c>
      <c r="D999" s="6" t="s">
        <v>2402</v>
      </c>
      <c r="E999" s="5" t="s">
        <v>2403</v>
      </c>
      <c r="F999" s="7">
        <v>88770</v>
      </c>
      <c r="G999" s="5" t="s">
        <v>746</v>
      </c>
      <c r="H999" s="6" t="s">
        <v>203</v>
      </c>
      <c r="I999" s="8">
        <v>43805</v>
      </c>
    </row>
    <row r="1000" spans="1:9" ht="24" x14ac:dyDescent="0.2">
      <c r="A1000" s="4">
        <v>43556</v>
      </c>
      <c r="B1000" s="5" t="s">
        <v>8</v>
      </c>
      <c r="C1000" s="5" t="s">
        <v>2391</v>
      </c>
      <c r="D1000" s="6" t="s">
        <v>2404</v>
      </c>
      <c r="E1000" s="5" t="s">
        <v>1514</v>
      </c>
      <c r="F1000" s="7">
        <v>121517</v>
      </c>
      <c r="G1000" s="5" t="s">
        <v>858</v>
      </c>
      <c r="H1000" s="6" t="s">
        <v>790</v>
      </c>
      <c r="I1000" s="8">
        <v>43808</v>
      </c>
    </row>
    <row r="1001" spans="1:9" ht="24" x14ac:dyDescent="0.2">
      <c r="A1001" s="4">
        <v>43556</v>
      </c>
      <c r="B1001" s="5" t="s">
        <v>8</v>
      </c>
      <c r="C1001" s="5" t="s">
        <v>2391</v>
      </c>
      <c r="D1001" s="6" t="s">
        <v>2405</v>
      </c>
      <c r="E1001" s="5" t="s">
        <v>2406</v>
      </c>
      <c r="F1001" s="7">
        <v>15015</v>
      </c>
      <c r="G1001" s="5" t="s">
        <v>774</v>
      </c>
      <c r="H1001" s="6" t="s">
        <v>775</v>
      </c>
      <c r="I1001" s="8">
        <v>43816</v>
      </c>
    </row>
    <row r="1002" spans="1:9" ht="24" x14ac:dyDescent="0.2">
      <c r="A1002" s="4">
        <v>43556</v>
      </c>
      <c r="B1002" s="5" t="s">
        <v>8</v>
      </c>
      <c r="C1002" s="5" t="s">
        <v>2407</v>
      </c>
      <c r="D1002" s="6" t="s">
        <v>2408</v>
      </c>
      <c r="E1002" s="5" t="s">
        <v>2409</v>
      </c>
      <c r="F1002" s="7">
        <v>13178</v>
      </c>
      <c r="G1002" s="5" t="s">
        <v>2410</v>
      </c>
      <c r="H1002" s="6" t="s">
        <v>207</v>
      </c>
      <c r="I1002" s="8">
        <v>43739</v>
      </c>
    </row>
    <row r="1003" spans="1:9" ht="24" x14ac:dyDescent="0.2">
      <c r="A1003" s="4">
        <v>43556</v>
      </c>
      <c r="B1003" s="5" t="s">
        <v>8</v>
      </c>
      <c r="C1003" s="5" t="s">
        <v>2407</v>
      </c>
      <c r="D1003" s="6" t="s">
        <v>2411</v>
      </c>
      <c r="E1003" s="5" t="s">
        <v>2412</v>
      </c>
      <c r="F1003" s="7">
        <v>18835</v>
      </c>
      <c r="G1003" s="5" t="s">
        <v>57</v>
      </c>
      <c r="H1003" s="6" t="s">
        <v>58</v>
      </c>
      <c r="I1003" s="8">
        <v>43742</v>
      </c>
    </row>
    <row r="1004" spans="1:9" ht="24" x14ac:dyDescent="0.2">
      <c r="A1004" s="4">
        <v>43556</v>
      </c>
      <c r="B1004" s="5" t="s">
        <v>8</v>
      </c>
      <c r="C1004" s="5" t="s">
        <v>2407</v>
      </c>
      <c r="D1004" s="6" t="s">
        <v>2413</v>
      </c>
      <c r="E1004" s="5" t="s">
        <v>2414</v>
      </c>
      <c r="F1004" s="7">
        <v>159562</v>
      </c>
      <c r="G1004" s="5" t="s">
        <v>2415</v>
      </c>
      <c r="H1004" s="6" t="s">
        <v>637</v>
      </c>
      <c r="I1004" s="8">
        <v>43745</v>
      </c>
    </row>
    <row r="1005" spans="1:9" ht="24" x14ac:dyDescent="0.2">
      <c r="A1005" s="4">
        <v>43556</v>
      </c>
      <c r="B1005" s="5" t="s">
        <v>8</v>
      </c>
      <c r="C1005" s="5" t="s">
        <v>2407</v>
      </c>
      <c r="D1005" s="6" t="s">
        <v>2416</v>
      </c>
      <c r="E1005" s="5" t="s">
        <v>2417</v>
      </c>
      <c r="F1005" s="7">
        <v>188585</v>
      </c>
      <c r="G1005" s="5" t="s">
        <v>224</v>
      </c>
      <c r="H1005" s="6" t="s">
        <v>225</v>
      </c>
      <c r="I1005" s="8">
        <v>43747</v>
      </c>
    </row>
    <row r="1006" spans="1:9" ht="24" x14ac:dyDescent="0.2">
      <c r="A1006" s="4">
        <v>43556</v>
      </c>
      <c r="B1006" s="5" t="s">
        <v>8</v>
      </c>
      <c r="C1006" s="5" t="s">
        <v>2407</v>
      </c>
      <c r="D1006" s="6" t="s">
        <v>2418</v>
      </c>
      <c r="E1006" s="5" t="s">
        <v>2419</v>
      </c>
      <c r="F1006" s="7">
        <v>54786</v>
      </c>
      <c r="G1006" s="5" t="s">
        <v>36</v>
      </c>
      <c r="H1006" s="6" t="s">
        <v>37</v>
      </c>
      <c r="I1006" s="8">
        <v>43747</v>
      </c>
    </row>
    <row r="1007" spans="1:9" ht="24" x14ac:dyDescent="0.2">
      <c r="A1007" s="4">
        <v>43556</v>
      </c>
      <c r="B1007" s="5" t="s">
        <v>8</v>
      </c>
      <c r="C1007" s="5" t="s">
        <v>2407</v>
      </c>
      <c r="D1007" s="6" t="s">
        <v>2420</v>
      </c>
      <c r="E1007" s="5" t="s">
        <v>2421</v>
      </c>
      <c r="F1007" s="7">
        <v>32956</v>
      </c>
      <c r="G1007" s="5" t="s">
        <v>2415</v>
      </c>
      <c r="H1007" s="6" t="s">
        <v>637</v>
      </c>
      <c r="I1007" s="8">
        <v>43747</v>
      </c>
    </row>
    <row r="1008" spans="1:9" ht="24" x14ac:dyDescent="0.2">
      <c r="A1008" s="4">
        <v>43556</v>
      </c>
      <c r="B1008" s="5" t="s">
        <v>8</v>
      </c>
      <c r="C1008" s="5" t="s">
        <v>2407</v>
      </c>
      <c r="D1008" s="6" t="s">
        <v>2422</v>
      </c>
      <c r="E1008" s="5" t="s">
        <v>2423</v>
      </c>
      <c r="F1008" s="7">
        <v>115441</v>
      </c>
      <c r="G1008" s="5" t="s">
        <v>57</v>
      </c>
      <c r="H1008" s="6" t="s">
        <v>58</v>
      </c>
      <c r="I1008" s="8">
        <v>43754</v>
      </c>
    </row>
    <row r="1009" spans="1:9" ht="24" x14ac:dyDescent="0.2">
      <c r="A1009" s="4">
        <v>43556</v>
      </c>
      <c r="B1009" s="5" t="s">
        <v>8</v>
      </c>
      <c r="C1009" s="5" t="s">
        <v>2407</v>
      </c>
      <c r="D1009" s="6" t="s">
        <v>2424</v>
      </c>
      <c r="E1009" s="5" t="s">
        <v>856</v>
      </c>
      <c r="F1009" s="7">
        <v>89694</v>
      </c>
      <c r="G1009" s="5" t="s">
        <v>36</v>
      </c>
      <c r="H1009" s="6" t="s">
        <v>37</v>
      </c>
      <c r="I1009" s="8">
        <v>43783</v>
      </c>
    </row>
    <row r="1010" spans="1:9" ht="24" x14ac:dyDescent="0.2">
      <c r="A1010" s="4">
        <v>43556</v>
      </c>
      <c r="B1010" s="5" t="s">
        <v>8</v>
      </c>
      <c r="C1010" s="5" t="s">
        <v>2407</v>
      </c>
      <c r="D1010" s="6" t="s">
        <v>2425</v>
      </c>
      <c r="E1010" s="5" t="s">
        <v>861</v>
      </c>
      <c r="F1010" s="7">
        <v>98945</v>
      </c>
      <c r="G1010" s="5" t="s">
        <v>862</v>
      </c>
      <c r="H1010" s="6" t="s">
        <v>820</v>
      </c>
      <c r="I1010" s="8">
        <v>43796</v>
      </c>
    </row>
    <row r="1011" spans="1:9" ht="24" x14ac:dyDescent="0.2">
      <c r="A1011" s="4">
        <v>43556</v>
      </c>
      <c r="B1011" s="5" t="s">
        <v>8</v>
      </c>
      <c r="C1011" s="5" t="s">
        <v>2407</v>
      </c>
      <c r="D1011" s="6" t="s">
        <v>2426</v>
      </c>
      <c r="E1011" s="5" t="s">
        <v>1199</v>
      </c>
      <c r="F1011" s="7">
        <v>34430</v>
      </c>
      <c r="G1011" s="5" t="s">
        <v>264</v>
      </c>
      <c r="H1011" s="6" t="s">
        <v>265</v>
      </c>
      <c r="I1011" s="8">
        <v>43797</v>
      </c>
    </row>
    <row r="1012" spans="1:9" ht="24" x14ac:dyDescent="0.2">
      <c r="A1012" s="4">
        <v>43556</v>
      </c>
      <c r="B1012" s="5" t="s">
        <v>8</v>
      </c>
      <c r="C1012" s="5" t="s">
        <v>2407</v>
      </c>
      <c r="D1012" s="6" t="s">
        <v>2427</v>
      </c>
      <c r="E1012" s="5" t="s">
        <v>2428</v>
      </c>
      <c r="F1012" s="7">
        <v>9240</v>
      </c>
      <c r="G1012" s="5" t="s">
        <v>224</v>
      </c>
      <c r="H1012" s="6" t="s">
        <v>225</v>
      </c>
      <c r="I1012" s="8">
        <v>43802</v>
      </c>
    </row>
    <row r="1013" spans="1:9" ht="24" x14ac:dyDescent="0.2">
      <c r="A1013" s="4">
        <v>43556</v>
      </c>
      <c r="B1013" s="5" t="s">
        <v>8</v>
      </c>
      <c r="C1013" s="5" t="s">
        <v>2407</v>
      </c>
      <c r="D1013" s="6" t="s">
        <v>2429</v>
      </c>
      <c r="E1013" s="5" t="s">
        <v>650</v>
      </c>
      <c r="F1013" s="7">
        <v>89694</v>
      </c>
      <c r="G1013" s="5" t="s">
        <v>36</v>
      </c>
      <c r="H1013" s="6" t="s">
        <v>37</v>
      </c>
      <c r="I1013" s="8">
        <v>43804</v>
      </c>
    </row>
    <row r="1014" spans="1:9" ht="24" x14ac:dyDescent="0.2">
      <c r="A1014" s="4">
        <v>43556</v>
      </c>
      <c r="B1014" s="5" t="s">
        <v>8</v>
      </c>
      <c r="C1014" s="5" t="s">
        <v>2407</v>
      </c>
      <c r="D1014" s="6" t="s">
        <v>2430</v>
      </c>
      <c r="E1014" s="5" t="s">
        <v>652</v>
      </c>
      <c r="F1014" s="7">
        <v>34430</v>
      </c>
      <c r="G1014" s="5" t="s">
        <v>264</v>
      </c>
      <c r="H1014" s="6" t="s">
        <v>265</v>
      </c>
      <c r="I1014" s="8">
        <v>43809</v>
      </c>
    </row>
    <row r="1015" spans="1:9" ht="24" x14ac:dyDescent="0.2">
      <c r="A1015" s="4">
        <v>43556</v>
      </c>
      <c r="B1015" s="5" t="s">
        <v>8</v>
      </c>
      <c r="C1015" s="5" t="s">
        <v>2407</v>
      </c>
      <c r="D1015" s="6" t="s">
        <v>2431</v>
      </c>
      <c r="E1015" s="5" t="s">
        <v>992</v>
      </c>
      <c r="F1015" s="7">
        <v>196350</v>
      </c>
      <c r="G1015" s="5" t="s">
        <v>419</v>
      </c>
      <c r="H1015" s="6" t="s">
        <v>420</v>
      </c>
      <c r="I1015" s="8">
        <v>43816</v>
      </c>
    </row>
    <row r="1016" spans="1:9" ht="24" x14ac:dyDescent="0.2">
      <c r="A1016" s="4">
        <v>43556</v>
      </c>
      <c r="B1016" s="5" t="s">
        <v>8</v>
      </c>
      <c r="C1016" s="5" t="s">
        <v>2407</v>
      </c>
      <c r="D1016" s="6" t="s">
        <v>2432</v>
      </c>
      <c r="E1016" s="5" t="s">
        <v>2433</v>
      </c>
      <c r="F1016" s="7">
        <v>74800</v>
      </c>
      <c r="G1016" s="5" t="s">
        <v>2434</v>
      </c>
      <c r="H1016" s="6" t="s">
        <v>2435</v>
      </c>
      <c r="I1016" s="8">
        <v>43823</v>
      </c>
    </row>
    <row r="1017" spans="1:9" ht="24" x14ac:dyDescent="0.2">
      <c r="A1017" s="4">
        <v>43556</v>
      </c>
      <c r="B1017" s="5" t="s">
        <v>8</v>
      </c>
      <c r="C1017" s="5" t="s">
        <v>2436</v>
      </c>
      <c r="D1017" s="6" t="s">
        <v>2437</v>
      </c>
      <c r="E1017" s="5" t="s">
        <v>2438</v>
      </c>
      <c r="F1017" s="7">
        <v>87480</v>
      </c>
      <c r="G1017" s="5" t="s">
        <v>1997</v>
      </c>
      <c r="H1017" s="6" t="s">
        <v>1998</v>
      </c>
      <c r="I1017" s="8">
        <v>43741</v>
      </c>
    </row>
    <row r="1018" spans="1:9" ht="24" x14ac:dyDescent="0.2">
      <c r="A1018" s="4">
        <v>43556</v>
      </c>
      <c r="B1018" s="5" t="s">
        <v>8</v>
      </c>
      <c r="C1018" s="5" t="s">
        <v>2436</v>
      </c>
      <c r="D1018" s="6" t="s">
        <v>2439</v>
      </c>
      <c r="E1018" s="5" t="s">
        <v>1161</v>
      </c>
      <c r="F1018" s="7">
        <v>16200</v>
      </c>
      <c r="G1018" s="5" t="s">
        <v>264</v>
      </c>
      <c r="H1018" s="6" t="s">
        <v>265</v>
      </c>
      <c r="I1018" s="8">
        <v>43742</v>
      </c>
    </row>
    <row r="1019" spans="1:9" x14ac:dyDescent="0.2">
      <c r="A1019" s="4">
        <v>43556</v>
      </c>
      <c r="B1019" s="5" t="s">
        <v>8</v>
      </c>
      <c r="C1019" s="5" t="s">
        <v>2436</v>
      </c>
      <c r="D1019" s="6" t="s">
        <v>2440</v>
      </c>
      <c r="E1019" s="5" t="s">
        <v>2441</v>
      </c>
      <c r="F1019" s="7">
        <v>45738</v>
      </c>
      <c r="G1019" s="5" t="s">
        <v>173</v>
      </c>
      <c r="H1019" s="6" t="s">
        <v>33</v>
      </c>
      <c r="I1019" s="8">
        <v>43769</v>
      </c>
    </row>
    <row r="1020" spans="1:9" ht="24" x14ac:dyDescent="0.2">
      <c r="A1020" s="4">
        <v>43556</v>
      </c>
      <c r="B1020" s="5" t="s">
        <v>8</v>
      </c>
      <c r="C1020" s="5" t="s">
        <v>2436</v>
      </c>
      <c r="D1020" s="6" t="s">
        <v>2442</v>
      </c>
      <c r="E1020" s="5" t="s">
        <v>629</v>
      </c>
      <c r="F1020" s="7">
        <v>75900</v>
      </c>
      <c r="G1020" s="5" t="s">
        <v>1997</v>
      </c>
      <c r="H1020" s="6" t="s">
        <v>1998</v>
      </c>
      <c r="I1020" s="8">
        <v>43775</v>
      </c>
    </row>
    <row r="1021" spans="1:9" ht="24" x14ac:dyDescent="0.2">
      <c r="A1021" s="4">
        <v>43556</v>
      </c>
      <c r="B1021" s="5" t="s">
        <v>8</v>
      </c>
      <c r="C1021" s="5" t="s">
        <v>2436</v>
      </c>
      <c r="D1021" s="6" t="s">
        <v>2443</v>
      </c>
      <c r="E1021" s="5" t="s">
        <v>631</v>
      </c>
      <c r="F1021" s="7">
        <v>19800</v>
      </c>
      <c r="G1021" s="5" t="s">
        <v>264</v>
      </c>
      <c r="H1021" s="6" t="s">
        <v>265</v>
      </c>
      <c r="I1021" s="8">
        <v>43777</v>
      </c>
    </row>
    <row r="1022" spans="1:9" ht="24" x14ac:dyDescent="0.2">
      <c r="A1022" s="4">
        <v>43556</v>
      </c>
      <c r="B1022" s="5" t="s">
        <v>8</v>
      </c>
      <c r="C1022" s="5" t="s">
        <v>2436</v>
      </c>
      <c r="D1022" s="6" t="s">
        <v>2444</v>
      </c>
      <c r="E1022" s="5" t="s">
        <v>2445</v>
      </c>
      <c r="F1022" s="7">
        <v>97504</v>
      </c>
      <c r="G1022" s="5" t="s">
        <v>2446</v>
      </c>
      <c r="H1022" s="6" t="s">
        <v>2447</v>
      </c>
      <c r="I1022" s="8">
        <v>43780</v>
      </c>
    </row>
    <row r="1023" spans="1:9" ht="24" x14ac:dyDescent="0.2">
      <c r="A1023" s="4">
        <v>43556</v>
      </c>
      <c r="B1023" s="5" t="s">
        <v>8</v>
      </c>
      <c r="C1023" s="5" t="s">
        <v>2436</v>
      </c>
      <c r="D1023" s="6" t="s">
        <v>2448</v>
      </c>
      <c r="E1023" s="5" t="s">
        <v>2449</v>
      </c>
      <c r="F1023" s="7">
        <v>34936</v>
      </c>
      <c r="G1023" s="5" t="s">
        <v>2072</v>
      </c>
      <c r="H1023" s="6" t="s">
        <v>2073</v>
      </c>
      <c r="I1023" s="8">
        <v>43781</v>
      </c>
    </row>
    <row r="1024" spans="1:9" ht="24" x14ac:dyDescent="0.2">
      <c r="A1024" s="4">
        <v>43556</v>
      </c>
      <c r="B1024" s="5" t="s">
        <v>8</v>
      </c>
      <c r="C1024" s="5" t="s">
        <v>2436</v>
      </c>
      <c r="D1024" s="6" t="s">
        <v>2450</v>
      </c>
      <c r="E1024" s="5" t="s">
        <v>2451</v>
      </c>
      <c r="F1024" s="7">
        <v>31196</v>
      </c>
      <c r="G1024" s="5" t="s">
        <v>2452</v>
      </c>
      <c r="H1024" s="6" t="s">
        <v>2453</v>
      </c>
      <c r="I1024" s="8">
        <v>43789</v>
      </c>
    </row>
    <row r="1025" spans="1:9" ht="24" x14ac:dyDescent="0.2">
      <c r="A1025" s="4">
        <v>43556</v>
      </c>
      <c r="B1025" s="5" t="s">
        <v>8</v>
      </c>
      <c r="C1025" s="5" t="s">
        <v>2436</v>
      </c>
      <c r="D1025" s="6" t="s">
        <v>2454</v>
      </c>
      <c r="E1025" s="5" t="s">
        <v>1865</v>
      </c>
      <c r="F1025" s="7">
        <v>63690</v>
      </c>
      <c r="G1025" s="5" t="s">
        <v>2455</v>
      </c>
      <c r="H1025" s="6" t="s">
        <v>231</v>
      </c>
      <c r="I1025" s="8">
        <v>43798</v>
      </c>
    </row>
    <row r="1026" spans="1:9" ht="24" x14ac:dyDescent="0.2">
      <c r="A1026" s="4">
        <v>43556</v>
      </c>
      <c r="B1026" s="5" t="s">
        <v>8</v>
      </c>
      <c r="C1026" s="5" t="s">
        <v>2436</v>
      </c>
      <c r="D1026" s="6" t="s">
        <v>2456</v>
      </c>
      <c r="E1026" s="5" t="s">
        <v>786</v>
      </c>
      <c r="F1026" s="7">
        <v>84400</v>
      </c>
      <c r="G1026" s="5" t="s">
        <v>1997</v>
      </c>
      <c r="H1026" s="6" t="s">
        <v>1998</v>
      </c>
      <c r="I1026" s="8">
        <v>43802</v>
      </c>
    </row>
    <row r="1027" spans="1:9" ht="24" x14ac:dyDescent="0.2">
      <c r="A1027" s="4">
        <v>43556</v>
      </c>
      <c r="B1027" s="5" t="s">
        <v>8</v>
      </c>
      <c r="C1027" s="5" t="s">
        <v>2436</v>
      </c>
      <c r="D1027" s="6" t="s">
        <v>2457</v>
      </c>
      <c r="E1027" s="5" t="s">
        <v>886</v>
      </c>
      <c r="F1027" s="7">
        <v>22330</v>
      </c>
      <c r="G1027" s="5" t="s">
        <v>887</v>
      </c>
      <c r="H1027" s="6" t="s">
        <v>888</v>
      </c>
      <c r="I1027" s="8">
        <v>43804</v>
      </c>
    </row>
    <row r="1028" spans="1:9" ht="24" x14ac:dyDescent="0.2">
      <c r="A1028" s="4">
        <v>43556</v>
      </c>
      <c r="B1028" s="5" t="s">
        <v>8</v>
      </c>
      <c r="C1028" s="5" t="s">
        <v>2436</v>
      </c>
      <c r="D1028" s="6" t="s">
        <v>2458</v>
      </c>
      <c r="E1028" s="5" t="s">
        <v>1010</v>
      </c>
      <c r="F1028" s="7">
        <v>16500</v>
      </c>
      <c r="G1028" s="5" t="s">
        <v>264</v>
      </c>
      <c r="H1028" s="6" t="s">
        <v>265</v>
      </c>
      <c r="I1028" s="8">
        <v>43804</v>
      </c>
    </row>
    <row r="1029" spans="1:9" x14ac:dyDescent="0.2">
      <c r="A1029" s="4">
        <v>43556</v>
      </c>
      <c r="B1029" s="5" t="s">
        <v>8</v>
      </c>
      <c r="C1029" s="5" t="s">
        <v>2436</v>
      </c>
      <c r="D1029" s="6" t="s">
        <v>2459</v>
      </c>
      <c r="E1029" s="5" t="s">
        <v>2460</v>
      </c>
      <c r="F1029" s="7">
        <v>77462</v>
      </c>
      <c r="G1029" s="5" t="s">
        <v>173</v>
      </c>
      <c r="H1029" s="6" t="s">
        <v>33</v>
      </c>
      <c r="I1029" s="8">
        <v>43815</v>
      </c>
    </row>
    <row r="1030" spans="1:9" ht="24" x14ac:dyDescent="0.2">
      <c r="A1030" s="4">
        <v>43556</v>
      </c>
      <c r="B1030" s="5" t="s">
        <v>8</v>
      </c>
      <c r="C1030" s="5" t="s">
        <v>2461</v>
      </c>
      <c r="D1030" s="6" t="s">
        <v>2462</v>
      </c>
      <c r="E1030" s="5" t="s">
        <v>844</v>
      </c>
      <c r="F1030" s="7">
        <v>106898</v>
      </c>
      <c r="G1030" s="5" t="s">
        <v>2117</v>
      </c>
      <c r="H1030" s="6" t="s">
        <v>2118</v>
      </c>
      <c r="I1030" s="8">
        <v>43740</v>
      </c>
    </row>
    <row r="1031" spans="1:9" ht="24" x14ac:dyDescent="0.2">
      <c r="A1031" s="4">
        <v>43556</v>
      </c>
      <c r="B1031" s="5" t="s">
        <v>8</v>
      </c>
      <c r="C1031" s="5" t="s">
        <v>2461</v>
      </c>
      <c r="D1031" s="6" t="s">
        <v>2463</v>
      </c>
      <c r="E1031" s="5" t="s">
        <v>883</v>
      </c>
      <c r="F1031" s="7">
        <v>27648</v>
      </c>
      <c r="G1031" s="5" t="s">
        <v>625</v>
      </c>
      <c r="H1031" s="6" t="s">
        <v>265</v>
      </c>
      <c r="I1031" s="8">
        <v>43741</v>
      </c>
    </row>
    <row r="1032" spans="1:9" ht="24" x14ac:dyDescent="0.2">
      <c r="A1032" s="4">
        <v>43556</v>
      </c>
      <c r="B1032" s="5" t="s">
        <v>8</v>
      </c>
      <c r="C1032" s="5" t="s">
        <v>2461</v>
      </c>
      <c r="D1032" s="6" t="s">
        <v>2464</v>
      </c>
      <c r="E1032" s="5" t="s">
        <v>879</v>
      </c>
      <c r="F1032" s="7">
        <v>250830</v>
      </c>
      <c r="G1032" s="5" t="s">
        <v>2465</v>
      </c>
      <c r="H1032" s="6" t="s">
        <v>2193</v>
      </c>
      <c r="I1032" s="8">
        <v>43741</v>
      </c>
    </row>
    <row r="1033" spans="1:9" ht="24" x14ac:dyDescent="0.2">
      <c r="A1033" s="4">
        <v>43556</v>
      </c>
      <c r="B1033" s="5" t="s">
        <v>8</v>
      </c>
      <c r="C1033" s="5" t="s">
        <v>2461</v>
      </c>
      <c r="D1033" s="6" t="s">
        <v>2466</v>
      </c>
      <c r="E1033" s="5" t="s">
        <v>2467</v>
      </c>
      <c r="F1033" s="7">
        <v>225601</v>
      </c>
      <c r="G1033" s="5" t="s">
        <v>2465</v>
      </c>
      <c r="H1033" s="6" t="s">
        <v>2193</v>
      </c>
      <c r="I1033" s="8">
        <v>43753</v>
      </c>
    </row>
    <row r="1034" spans="1:9" ht="24" x14ac:dyDescent="0.2">
      <c r="A1034" s="4">
        <v>43556</v>
      </c>
      <c r="B1034" s="5" t="s">
        <v>8</v>
      </c>
      <c r="C1034" s="5" t="s">
        <v>2461</v>
      </c>
      <c r="D1034" s="6" t="s">
        <v>2468</v>
      </c>
      <c r="E1034" s="5" t="s">
        <v>2469</v>
      </c>
      <c r="F1034" s="7">
        <v>1181881</v>
      </c>
      <c r="G1034" s="5" t="s">
        <v>2117</v>
      </c>
      <c r="H1034" s="6" t="s">
        <v>2118</v>
      </c>
      <c r="I1034" s="8">
        <v>43756</v>
      </c>
    </row>
    <row r="1035" spans="1:9" ht="24" x14ac:dyDescent="0.2">
      <c r="A1035" s="4">
        <v>43556</v>
      </c>
      <c r="B1035" s="5" t="s">
        <v>8</v>
      </c>
      <c r="C1035" s="5" t="s">
        <v>2461</v>
      </c>
      <c r="D1035" s="6" t="s">
        <v>2470</v>
      </c>
      <c r="E1035" s="5" t="s">
        <v>1199</v>
      </c>
      <c r="F1035" s="7">
        <v>28160</v>
      </c>
      <c r="G1035" s="5" t="s">
        <v>625</v>
      </c>
      <c r="H1035" s="6" t="s">
        <v>265</v>
      </c>
      <c r="I1035" s="8">
        <v>43775</v>
      </c>
    </row>
    <row r="1036" spans="1:9" ht="24" x14ac:dyDescent="0.2">
      <c r="A1036" s="4">
        <v>43556</v>
      </c>
      <c r="B1036" s="5" t="s">
        <v>8</v>
      </c>
      <c r="C1036" s="5" t="s">
        <v>2461</v>
      </c>
      <c r="D1036" s="6" t="s">
        <v>2471</v>
      </c>
      <c r="E1036" s="5" t="s">
        <v>1533</v>
      </c>
      <c r="F1036" s="7">
        <v>110880</v>
      </c>
      <c r="G1036" s="5" t="s">
        <v>2472</v>
      </c>
      <c r="H1036" s="6" t="s">
        <v>2141</v>
      </c>
      <c r="I1036" s="8">
        <v>43775</v>
      </c>
    </row>
    <row r="1037" spans="1:9" ht="24" x14ac:dyDescent="0.2">
      <c r="A1037" s="4">
        <v>43556</v>
      </c>
      <c r="B1037" s="5" t="s">
        <v>8</v>
      </c>
      <c r="C1037" s="5" t="s">
        <v>2461</v>
      </c>
      <c r="D1037" s="6" t="s">
        <v>2473</v>
      </c>
      <c r="E1037" s="5" t="s">
        <v>2474</v>
      </c>
      <c r="F1037" s="7">
        <v>87450</v>
      </c>
      <c r="G1037" s="5" t="s">
        <v>2117</v>
      </c>
      <c r="H1037" s="6" t="s">
        <v>2118</v>
      </c>
      <c r="I1037" s="8">
        <v>43795</v>
      </c>
    </row>
    <row r="1038" spans="1:9" x14ac:dyDescent="0.2">
      <c r="A1038" s="4">
        <v>43556</v>
      </c>
      <c r="B1038" s="5" t="s">
        <v>8</v>
      </c>
      <c r="C1038" s="5" t="s">
        <v>2461</v>
      </c>
      <c r="D1038" s="6" t="s">
        <v>2475</v>
      </c>
      <c r="E1038" s="5" t="s">
        <v>2476</v>
      </c>
      <c r="F1038" s="7">
        <v>12549</v>
      </c>
      <c r="G1038" s="5" t="s">
        <v>2205</v>
      </c>
      <c r="H1038" s="6" t="s">
        <v>33</v>
      </c>
      <c r="I1038" s="8">
        <v>43802</v>
      </c>
    </row>
    <row r="1039" spans="1:9" ht="24" x14ac:dyDescent="0.2">
      <c r="A1039" s="4">
        <v>43556</v>
      </c>
      <c r="B1039" s="5" t="s">
        <v>8</v>
      </c>
      <c r="C1039" s="5" t="s">
        <v>2461</v>
      </c>
      <c r="D1039" s="6" t="s">
        <v>2477</v>
      </c>
      <c r="E1039" s="5" t="s">
        <v>2478</v>
      </c>
      <c r="F1039" s="7">
        <v>30470</v>
      </c>
      <c r="G1039" s="5" t="s">
        <v>1760</v>
      </c>
      <c r="H1039" s="6" t="s">
        <v>648</v>
      </c>
      <c r="I1039" s="8">
        <v>43811</v>
      </c>
    </row>
    <row r="1040" spans="1:9" ht="24" x14ac:dyDescent="0.2">
      <c r="A1040" s="4">
        <v>43556</v>
      </c>
      <c r="B1040" s="5" t="s">
        <v>8</v>
      </c>
      <c r="C1040" s="5" t="s">
        <v>2461</v>
      </c>
      <c r="D1040" s="6" t="s">
        <v>2479</v>
      </c>
      <c r="E1040" s="5" t="s">
        <v>2480</v>
      </c>
      <c r="F1040" s="7">
        <v>7964</v>
      </c>
      <c r="G1040" s="5" t="s">
        <v>763</v>
      </c>
      <c r="H1040" s="6" t="s">
        <v>157</v>
      </c>
      <c r="I1040" s="8">
        <v>43811</v>
      </c>
    </row>
    <row r="1041" spans="1:9" ht="24" x14ac:dyDescent="0.2">
      <c r="A1041" s="4">
        <v>43556</v>
      </c>
      <c r="B1041" s="5" t="s">
        <v>8</v>
      </c>
      <c r="C1041" s="5" t="s">
        <v>2461</v>
      </c>
      <c r="D1041" s="6" t="s">
        <v>2481</v>
      </c>
      <c r="E1041" s="5" t="s">
        <v>2482</v>
      </c>
      <c r="F1041" s="7">
        <v>48543</v>
      </c>
      <c r="G1041" s="5" t="s">
        <v>774</v>
      </c>
      <c r="H1041" s="6" t="s">
        <v>775</v>
      </c>
      <c r="I1041" s="8">
        <v>43819</v>
      </c>
    </row>
    <row r="1042" spans="1:9" ht="24" x14ac:dyDescent="0.2">
      <c r="A1042" s="4">
        <v>43556</v>
      </c>
      <c r="B1042" s="5" t="s">
        <v>8</v>
      </c>
      <c r="C1042" s="5" t="s">
        <v>2461</v>
      </c>
      <c r="D1042" s="6" t="s">
        <v>2483</v>
      </c>
      <c r="E1042" s="5" t="s">
        <v>1611</v>
      </c>
      <c r="F1042" s="7">
        <v>70400</v>
      </c>
      <c r="G1042" s="5" t="s">
        <v>2484</v>
      </c>
      <c r="H1042" s="6" t="s">
        <v>2485</v>
      </c>
      <c r="I1042" s="8">
        <v>43824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3-11T05:51:53Z</cp:lastPrinted>
  <dcterms:created xsi:type="dcterms:W3CDTF">2020-03-11T05:42:56Z</dcterms:created>
  <dcterms:modified xsi:type="dcterms:W3CDTF">2020-03-24T08:02:39Z</dcterms:modified>
</cp:coreProperties>
</file>